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743F5" w:rsidRPr="007530A8" w:rsidTr="00C85D0F">
        <w:trPr>
          <w:trHeight w:hRule="exact" w:val="1418"/>
        </w:trPr>
        <w:tc>
          <w:tcPr>
            <w:tcW w:w="6804" w:type="dxa"/>
            <w:shd w:val="clear" w:color="auto" w:fill="auto"/>
            <w:vAlign w:val="center"/>
          </w:tcPr>
          <w:p w:rsidR="00B13D6F" w:rsidRPr="007530A8" w:rsidRDefault="007530A8" w:rsidP="00C85D0F">
            <w:pPr>
              <w:pStyle w:val="EPName"/>
            </w:pPr>
            <w:r w:rsidRPr="007530A8">
              <w:t>Europa-Parlamentet</w:t>
            </w:r>
          </w:p>
          <w:p w:rsidR="00B13D6F" w:rsidRPr="007530A8" w:rsidRDefault="007530A8" w:rsidP="00186918">
            <w:pPr>
              <w:pStyle w:val="EPTerm"/>
            </w:pPr>
            <w:r w:rsidRPr="007530A8">
              <w:t>2019-2024</w:t>
            </w:r>
          </w:p>
        </w:tc>
        <w:tc>
          <w:tcPr>
            <w:tcW w:w="2268" w:type="dxa"/>
            <w:shd w:val="clear" w:color="auto" w:fill="auto"/>
          </w:tcPr>
          <w:p w:rsidR="00B13D6F" w:rsidRPr="007530A8" w:rsidRDefault="007530A8" w:rsidP="00C85D0F">
            <w:pPr>
              <w:pStyle w:val="EPLogo"/>
            </w:pPr>
            <w:r w:rsidRPr="007530A8">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3891084"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7530A8" w:rsidRDefault="00461601" w:rsidP="00461601">
      <w:pPr>
        <w:pStyle w:val="LineTop"/>
      </w:pPr>
    </w:p>
    <w:p w:rsidR="00461601" w:rsidRPr="007530A8" w:rsidRDefault="007530A8" w:rsidP="00461601">
      <w:pPr>
        <w:pStyle w:val="EPBody"/>
      </w:pPr>
      <w:r w:rsidRPr="007530A8">
        <w:rPr>
          <w:rStyle w:val="HideTWBExt"/>
          <w:noProof w:val="0"/>
        </w:rPr>
        <w:t>&lt;</w:t>
      </w:r>
      <w:r w:rsidRPr="007530A8">
        <w:rPr>
          <w:rStyle w:val="HideTWBExt"/>
          <w:i w:val="0"/>
          <w:noProof w:val="0"/>
        </w:rPr>
        <w:t>Commission</w:t>
      </w:r>
      <w:r w:rsidRPr="007530A8">
        <w:rPr>
          <w:rStyle w:val="HideTWBExt"/>
          <w:noProof w:val="0"/>
        </w:rPr>
        <w:t>&gt;</w:t>
      </w:r>
      <w:r w:rsidRPr="007530A8">
        <w:rPr>
          <w:rStyle w:val="HideTWBInt"/>
          <w:color w:val="auto"/>
        </w:rPr>
        <w:t>{LIBE}</w:t>
      </w:r>
      <w:r w:rsidRPr="007530A8">
        <w:t>Udvalget om Borgernes Rettigheder og Retlige og Indre Anliggender</w:t>
      </w:r>
      <w:r w:rsidRPr="007530A8">
        <w:rPr>
          <w:rStyle w:val="HideTWBExt"/>
          <w:noProof w:val="0"/>
        </w:rPr>
        <w:t>&lt;/</w:t>
      </w:r>
      <w:r w:rsidRPr="007530A8">
        <w:rPr>
          <w:rStyle w:val="HideTWBExt"/>
          <w:i w:val="0"/>
          <w:noProof w:val="0"/>
        </w:rPr>
        <w:t>Commission</w:t>
      </w:r>
      <w:r w:rsidRPr="007530A8">
        <w:rPr>
          <w:rStyle w:val="HideTWBExt"/>
          <w:noProof w:val="0"/>
        </w:rPr>
        <w:t>&gt;</w:t>
      </w:r>
    </w:p>
    <w:p w:rsidR="00461601" w:rsidRPr="007530A8" w:rsidRDefault="00461601" w:rsidP="00461601">
      <w:pPr>
        <w:pStyle w:val="LineBottom"/>
      </w:pPr>
    </w:p>
    <w:p w:rsidR="00793EA9" w:rsidRPr="007530A8" w:rsidRDefault="007530A8">
      <w:pPr>
        <w:pStyle w:val="CoverReference"/>
      </w:pPr>
      <w:r w:rsidRPr="007530A8">
        <w:rPr>
          <w:rStyle w:val="HideTWBExt"/>
          <w:b w:val="0"/>
          <w:noProof w:val="0"/>
        </w:rPr>
        <w:t>&lt;RefProc&gt;</w:t>
      </w:r>
      <w:r w:rsidRPr="007530A8">
        <w:t>2019/0001</w:t>
      </w:r>
      <w:r w:rsidRPr="007530A8">
        <w:rPr>
          <w:rStyle w:val="HideTWBExt"/>
          <w:b w:val="0"/>
          <w:noProof w:val="0"/>
        </w:rPr>
        <w:t>&lt;/RefProc&gt;&lt;RefTypeProc&gt;</w:t>
      </w:r>
      <w:r w:rsidRPr="007530A8">
        <w:t>(COD)</w:t>
      </w:r>
      <w:r w:rsidRPr="007530A8">
        <w:rPr>
          <w:rStyle w:val="HideTWBExt"/>
          <w:b w:val="0"/>
          <w:noProof w:val="0"/>
        </w:rPr>
        <w:t>&lt;/RefTypeProc&gt;</w:t>
      </w:r>
    </w:p>
    <w:p w:rsidR="00793EA9" w:rsidRPr="007530A8" w:rsidRDefault="007530A8">
      <w:pPr>
        <w:pStyle w:val="CoverDate"/>
      </w:pPr>
      <w:r w:rsidRPr="007530A8">
        <w:rPr>
          <w:rStyle w:val="HideTWBExt"/>
          <w:noProof w:val="0"/>
        </w:rPr>
        <w:t>&lt;Date&gt;</w:t>
      </w:r>
      <w:r w:rsidRPr="007530A8">
        <w:rPr>
          <w:rStyle w:val="HideTWBInt"/>
          <w:color w:val="auto"/>
        </w:rPr>
        <w:t>{03/09/2020}</w:t>
      </w:r>
      <w:r w:rsidRPr="007530A8">
        <w:t>3.9.2020</w:t>
      </w:r>
      <w:r w:rsidRPr="007530A8">
        <w:rPr>
          <w:rStyle w:val="HideTWBExt"/>
          <w:noProof w:val="0"/>
        </w:rPr>
        <w:t>&lt;/Date&gt;</w:t>
      </w:r>
    </w:p>
    <w:p w:rsidR="00793EA9" w:rsidRPr="007530A8" w:rsidRDefault="007530A8">
      <w:pPr>
        <w:pStyle w:val="CoverDocType"/>
      </w:pPr>
      <w:r w:rsidRPr="007530A8">
        <w:rPr>
          <w:rStyle w:val="HideTWBExt"/>
          <w:b w:val="0"/>
          <w:noProof w:val="0"/>
        </w:rPr>
        <w:t>&lt;RefProcLect&gt;</w:t>
      </w:r>
      <w:r w:rsidRPr="007530A8">
        <w:t>***I</w:t>
      </w:r>
      <w:r w:rsidRPr="007530A8">
        <w:rPr>
          <w:rStyle w:val="HideTWBExt"/>
          <w:b w:val="0"/>
          <w:noProof w:val="0"/>
        </w:rPr>
        <w:t>&lt;/RefProcLect&gt;</w:t>
      </w:r>
    </w:p>
    <w:p w:rsidR="00793EA9" w:rsidRPr="007530A8" w:rsidRDefault="007530A8">
      <w:pPr>
        <w:pStyle w:val="CoverDocType24a"/>
      </w:pPr>
      <w:r w:rsidRPr="007530A8">
        <w:rPr>
          <w:rStyle w:val="HideTWBExt"/>
          <w:b w:val="0"/>
          <w:noProof w:val="0"/>
        </w:rPr>
        <w:t>&lt;TitreType&gt;</w:t>
      </w:r>
      <w:r w:rsidRPr="007530A8">
        <w:t>UDKAST TIL BETÆNKNING</w:t>
      </w:r>
      <w:r w:rsidRPr="007530A8">
        <w:rPr>
          <w:rStyle w:val="HideTWBExt"/>
          <w:b w:val="0"/>
          <w:noProof w:val="0"/>
        </w:rPr>
        <w:t>&lt;/TitreType&gt;</w:t>
      </w:r>
    </w:p>
    <w:p w:rsidR="00793EA9" w:rsidRPr="007530A8" w:rsidRDefault="007530A8">
      <w:pPr>
        <w:pStyle w:val="CoverNormal"/>
      </w:pPr>
      <w:r w:rsidRPr="007530A8">
        <w:rPr>
          <w:rStyle w:val="HideTWBExt"/>
          <w:noProof w:val="0"/>
        </w:rPr>
        <w:t>&lt;Titre&gt;</w:t>
      </w:r>
      <w:r w:rsidRPr="007530A8">
        <w:t xml:space="preserve">om forslag til Europa-Parlamentets og Rådets forordning om fastlæggelse af betingelserne for at tilgå andre EU-informationssystemer og om ændring af forordning (EU) 2018/1862 og forordning </w:t>
      </w:r>
      <w:r w:rsidRPr="007530A8">
        <w:t>(EU) 2019/816</w:t>
      </w:r>
      <w:r w:rsidRPr="007530A8">
        <w:rPr>
          <w:rStyle w:val="HideTWBExt"/>
          <w:noProof w:val="0"/>
        </w:rPr>
        <w:t>&lt;/Titre&gt;</w:t>
      </w:r>
    </w:p>
    <w:p w:rsidR="00793EA9" w:rsidRPr="007530A8" w:rsidRDefault="007530A8">
      <w:pPr>
        <w:pStyle w:val="CoverNormal24a"/>
      </w:pPr>
      <w:r w:rsidRPr="007530A8">
        <w:rPr>
          <w:rStyle w:val="HideTWBExt"/>
          <w:noProof w:val="0"/>
        </w:rPr>
        <w:t>&lt;DocRef&gt;</w:t>
      </w:r>
      <w:r w:rsidRPr="007530A8">
        <w:t>(COM(2019)0003 – C8-0025/2019 – 2019/0001(COD))</w:t>
      </w:r>
      <w:r w:rsidRPr="007530A8">
        <w:rPr>
          <w:rStyle w:val="HideTWBExt"/>
          <w:noProof w:val="0"/>
        </w:rPr>
        <w:t>&lt;/DocRef&gt;</w:t>
      </w:r>
    </w:p>
    <w:p w:rsidR="00793EA9" w:rsidRPr="007530A8" w:rsidRDefault="007530A8">
      <w:pPr>
        <w:pStyle w:val="CoverNormal24a"/>
      </w:pPr>
      <w:r w:rsidRPr="007530A8">
        <w:rPr>
          <w:rStyle w:val="HideTWBExt"/>
          <w:noProof w:val="0"/>
        </w:rPr>
        <w:t>&lt;Commission&gt;</w:t>
      </w:r>
      <w:r w:rsidRPr="007530A8">
        <w:rPr>
          <w:rStyle w:val="HideTWBInt"/>
          <w:color w:val="auto"/>
        </w:rPr>
        <w:t>{LIBE}</w:t>
      </w:r>
      <w:r w:rsidRPr="007530A8">
        <w:t>Udvalget om Borgernes Rettigheder og Retlige og Indre Anliggender</w:t>
      </w:r>
      <w:r w:rsidRPr="007530A8">
        <w:rPr>
          <w:rStyle w:val="HideTWBExt"/>
          <w:noProof w:val="0"/>
        </w:rPr>
        <w:t>&lt;/Commission&gt;</w:t>
      </w:r>
    </w:p>
    <w:p w:rsidR="00793EA9" w:rsidRPr="007530A8" w:rsidRDefault="007530A8">
      <w:pPr>
        <w:pStyle w:val="CoverNormal24a"/>
      </w:pPr>
      <w:r w:rsidRPr="007530A8">
        <w:t xml:space="preserve">Ordfører: </w:t>
      </w:r>
      <w:r w:rsidRPr="007530A8">
        <w:rPr>
          <w:rStyle w:val="HideTWBExt"/>
          <w:noProof w:val="0"/>
        </w:rPr>
        <w:t>&lt;Depute&gt;</w:t>
      </w:r>
      <w:r w:rsidRPr="007530A8">
        <w:t xml:space="preserve">Jeroen Lenaers </w:t>
      </w:r>
      <w:r w:rsidRPr="007530A8">
        <w:rPr>
          <w:rStyle w:val="HideTWBExt"/>
          <w:noProof w:val="0"/>
        </w:rPr>
        <w:t>&lt;/Depute&gt;</w:t>
      </w:r>
    </w:p>
    <w:p w:rsidR="001C5B44" w:rsidRPr="007530A8" w:rsidRDefault="001C5B44" w:rsidP="001C5B44">
      <w:pPr>
        <w:pStyle w:val="CoverNormal"/>
      </w:pPr>
    </w:p>
    <w:p w:rsidR="00186918" w:rsidRPr="007530A8" w:rsidRDefault="007530A8" w:rsidP="00894923">
      <w:r w:rsidRPr="007530A8">
        <w:br w:type="page"/>
      </w:r>
      <w:fldSimple w:instr=" TITLE  \* MERGEFORMAT ">
        <w:r>
          <w:t>PR_COD_1amCom</w:t>
        </w:r>
      </w:fldSimple>
    </w:p>
    <w:p w:rsidR="00186918" w:rsidRPr="007530A8" w:rsidRDefault="00186918" w:rsidP="00894923"/>
    <w:p w:rsidR="00186918" w:rsidRPr="007530A8" w:rsidRDefault="00186918" w:rsidP="0089492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6743F5" w:rsidRPr="007530A8">
        <w:tc>
          <w:tcPr>
            <w:tcW w:w="5811" w:type="dxa"/>
          </w:tcPr>
          <w:p w:rsidR="00186918" w:rsidRPr="007530A8" w:rsidRDefault="007530A8" w:rsidP="00894923">
            <w:pPr>
              <w:pStyle w:val="Lgendetitre"/>
            </w:pPr>
            <w:r w:rsidRPr="007530A8">
              <w:t>Tegnforklaring</w:t>
            </w:r>
          </w:p>
        </w:tc>
      </w:tr>
      <w:tr w:rsidR="006743F5" w:rsidRPr="007530A8" w:rsidTr="00C50C36">
        <w:trPr>
          <w:cantSplit/>
          <w:trHeight w:val="1944"/>
        </w:trPr>
        <w:tc>
          <w:tcPr>
            <w:tcW w:w="5811" w:type="dxa"/>
            <w:tcBorders>
              <w:bottom w:val="single" w:sz="4" w:space="0" w:color="auto"/>
            </w:tcBorders>
          </w:tcPr>
          <w:p w:rsidR="00186918" w:rsidRPr="007530A8" w:rsidRDefault="007530A8" w:rsidP="00C36C9E">
            <w:pPr>
              <w:pStyle w:val="Lgendesigne"/>
              <w:rPr>
                <w:szCs w:val="24"/>
              </w:rPr>
            </w:pPr>
            <w:r w:rsidRPr="007530A8">
              <w:tab/>
              <w:t>*</w:t>
            </w:r>
            <w:r w:rsidRPr="007530A8">
              <w:tab/>
              <w:t>Høringsprocedure</w:t>
            </w:r>
          </w:p>
          <w:p w:rsidR="00186918" w:rsidRPr="007530A8" w:rsidRDefault="007530A8" w:rsidP="00C36C9E">
            <w:pPr>
              <w:pStyle w:val="Lgendesigne"/>
              <w:rPr>
                <w:szCs w:val="24"/>
              </w:rPr>
            </w:pPr>
            <w:r w:rsidRPr="007530A8">
              <w:tab/>
              <w:t>***</w:t>
            </w:r>
            <w:r w:rsidRPr="007530A8">
              <w:tab/>
              <w:t>Godkendelsesprocedure</w:t>
            </w:r>
          </w:p>
          <w:p w:rsidR="00186918" w:rsidRPr="007530A8" w:rsidRDefault="007530A8" w:rsidP="00C36C9E">
            <w:pPr>
              <w:pStyle w:val="Lgendesigne"/>
              <w:rPr>
                <w:szCs w:val="24"/>
              </w:rPr>
            </w:pPr>
            <w:r w:rsidRPr="007530A8">
              <w:tab/>
              <w:t>***I</w:t>
            </w:r>
            <w:r w:rsidRPr="007530A8">
              <w:tab/>
              <w:t>Almindelig lovgivningsprocedure (førstebehandling)</w:t>
            </w:r>
          </w:p>
          <w:p w:rsidR="00186918" w:rsidRPr="007530A8" w:rsidRDefault="007530A8" w:rsidP="00C36C9E">
            <w:pPr>
              <w:pStyle w:val="Lgendesigne"/>
              <w:rPr>
                <w:szCs w:val="24"/>
              </w:rPr>
            </w:pPr>
            <w:r w:rsidRPr="007530A8">
              <w:tab/>
              <w:t>***II</w:t>
            </w:r>
            <w:r w:rsidRPr="007530A8">
              <w:tab/>
              <w:t>Almindelig lovgivningsprocedure (andenbehandling)</w:t>
            </w:r>
          </w:p>
          <w:p w:rsidR="00186918" w:rsidRPr="007530A8" w:rsidRDefault="007530A8" w:rsidP="00C36C9E">
            <w:pPr>
              <w:pStyle w:val="Lgendesigne"/>
              <w:rPr>
                <w:szCs w:val="24"/>
              </w:rPr>
            </w:pPr>
            <w:r w:rsidRPr="007530A8">
              <w:tab/>
              <w:t>***III</w:t>
            </w:r>
            <w:r w:rsidRPr="007530A8">
              <w:tab/>
              <w:t>Almindelig lovgivningsprocedure (tredjebehandling)</w:t>
            </w:r>
          </w:p>
          <w:p w:rsidR="00186918" w:rsidRPr="007530A8" w:rsidRDefault="00186918" w:rsidP="0069092A">
            <w:pPr>
              <w:pStyle w:val="Lgendestandard"/>
            </w:pPr>
          </w:p>
          <w:p w:rsidR="00186918" w:rsidRPr="007530A8" w:rsidRDefault="007530A8" w:rsidP="0069092A">
            <w:pPr>
              <w:pStyle w:val="Lgendestandard"/>
            </w:pPr>
            <w:r w:rsidRPr="007530A8">
              <w:t>(Proceduren afhænger af, hvilket retsgrundlag der er valgt i udkastet til retsakt)</w:t>
            </w:r>
          </w:p>
          <w:p w:rsidR="00186918" w:rsidRPr="007530A8" w:rsidRDefault="00186918" w:rsidP="0031005B">
            <w:pPr>
              <w:pStyle w:val="Lgendestandard"/>
            </w:pPr>
          </w:p>
        </w:tc>
      </w:tr>
    </w:tbl>
    <w:p w:rsidR="00186918" w:rsidRPr="007530A8" w:rsidRDefault="00186918" w:rsidP="00894923"/>
    <w:p w:rsidR="00186918" w:rsidRPr="007530A8" w:rsidRDefault="00186918" w:rsidP="00894923"/>
    <w:p w:rsidR="00186918" w:rsidRPr="007530A8" w:rsidRDefault="00186918" w:rsidP="00894923"/>
    <w:p w:rsidR="00186918" w:rsidRPr="007530A8" w:rsidRDefault="00186918" w:rsidP="0089492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6743F5" w:rsidRPr="007530A8">
        <w:tc>
          <w:tcPr>
            <w:tcW w:w="5811" w:type="dxa"/>
          </w:tcPr>
          <w:p w:rsidR="00186918" w:rsidRPr="007530A8" w:rsidRDefault="007530A8" w:rsidP="00894923">
            <w:pPr>
              <w:pStyle w:val="Lgendetitre"/>
            </w:pPr>
            <w:r w:rsidRPr="007530A8">
              <w:t>Ændringsforslag til et udkast til retsakt</w:t>
            </w:r>
          </w:p>
        </w:tc>
      </w:tr>
      <w:tr w:rsidR="006743F5" w:rsidRPr="007530A8" w:rsidTr="006E3697">
        <w:trPr>
          <w:trHeight w:val="4923"/>
        </w:trPr>
        <w:tc>
          <w:tcPr>
            <w:tcW w:w="5811" w:type="dxa"/>
          </w:tcPr>
          <w:p w:rsidR="00186918" w:rsidRPr="007530A8" w:rsidRDefault="007530A8" w:rsidP="00C36C9E">
            <w:pPr>
              <w:pStyle w:val="Lgendestandard"/>
              <w:rPr>
                <w:b/>
                <w:szCs w:val="24"/>
              </w:rPr>
            </w:pPr>
            <w:r w:rsidRPr="007530A8">
              <w:rPr>
                <w:b/>
                <w:szCs w:val="24"/>
              </w:rPr>
              <w:t>Ændringsforslag fra Parlamentet opstillet i to kolonner</w:t>
            </w:r>
          </w:p>
          <w:p w:rsidR="00186918" w:rsidRPr="007530A8" w:rsidRDefault="00186918" w:rsidP="00C36C9E">
            <w:pPr>
              <w:pStyle w:val="Lgendestandard"/>
            </w:pPr>
          </w:p>
          <w:p w:rsidR="00186918" w:rsidRPr="007530A8" w:rsidRDefault="007530A8" w:rsidP="00C36C9E">
            <w:pPr>
              <w:pStyle w:val="Lgendestandard"/>
            </w:pPr>
            <w:r w:rsidRPr="007530A8">
              <w:t xml:space="preserve">Tekst, der udgår, er markeret med </w:t>
            </w:r>
            <w:r w:rsidRPr="007530A8">
              <w:rPr>
                <w:b/>
                <w:bCs/>
                <w:i/>
              </w:rPr>
              <w:t>fede typer og kursiv</w:t>
            </w:r>
            <w:r w:rsidRPr="007530A8">
              <w:t xml:space="preserve"> i venstre kolonne. Tekst, der udskiftes, er markeret med </w:t>
            </w:r>
            <w:r w:rsidRPr="007530A8">
              <w:rPr>
                <w:b/>
                <w:bCs/>
                <w:i/>
              </w:rPr>
              <w:t>fede typer og kursiv</w:t>
            </w:r>
            <w:r w:rsidRPr="007530A8">
              <w:t xml:space="preserve"> i begge kolonner. Ny tekst er markeret med </w:t>
            </w:r>
            <w:r w:rsidRPr="007530A8">
              <w:rPr>
                <w:b/>
                <w:bCs/>
                <w:i/>
              </w:rPr>
              <w:t>fede typer og kursiv</w:t>
            </w:r>
            <w:r w:rsidRPr="007530A8">
              <w:t xml:space="preserve"> i højre kolonne.</w:t>
            </w:r>
          </w:p>
          <w:p w:rsidR="00186918" w:rsidRPr="007530A8" w:rsidRDefault="00186918" w:rsidP="00C36C9E">
            <w:pPr>
              <w:pStyle w:val="Lgendestandard"/>
            </w:pPr>
          </w:p>
          <w:p w:rsidR="00186918" w:rsidRPr="007530A8" w:rsidRDefault="007530A8" w:rsidP="00C36C9E">
            <w:pPr>
              <w:pStyle w:val="Lgendestandard"/>
            </w:pPr>
            <w:r w:rsidRPr="007530A8">
              <w:t>Den første og den anden linje i informationsblokken til hvert ændringsforslag angiver den relev</w:t>
            </w:r>
            <w:r w:rsidRPr="007530A8">
              <w:t>ante passage i det pågældende udkast til retsakt. Hvis et ændringsforslag angår en eksisterende retsakt, som udkastet til retsakt har til formål at ændre, indeholder informationsblokken tillige en tredje og en fjerde linje, hvori det er anført, hvilken eks</w:t>
            </w:r>
            <w:r w:rsidRPr="007530A8">
              <w:t>isterende retsakt og hvilken bestemmelse heri der er berørt.</w:t>
            </w:r>
          </w:p>
          <w:p w:rsidR="00186918" w:rsidRPr="007530A8" w:rsidRDefault="00186918" w:rsidP="00C36C9E">
            <w:pPr>
              <w:pStyle w:val="Lgendestandard"/>
            </w:pPr>
          </w:p>
          <w:p w:rsidR="00186918" w:rsidRPr="007530A8" w:rsidRDefault="007530A8" w:rsidP="00C36C9E">
            <w:pPr>
              <w:pStyle w:val="Lgendestandard"/>
              <w:rPr>
                <w:b/>
                <w:szCs w:val="24"/>
              </w:rPr>
            </w:pPr>
            <w:r w:rsidRPr="007530A8">
              <w:rPr>
                <w:b/>
                <w:szCs w:val="24"/>
              </w:rPr>
              <w:t>Ændringsforslag fra Parlamentet i form af en konsolideret tekst</w:t>
            </w:r>
          </w:p>
          <w:p w:rsidR="00186918" w:rsidRPr="007530A8" w:rsidRDefault="00186918" w:rsidP="00C36C9E">
            <w:pPr>
              <w:pStyle w:val="Lgendestandard"/>
              <w:rPr>
                <w:szCs w:val="24"/>
              </w:rPr>
            </w:pPr>
          </w:p>
          <w:p w:rsidR="00186918" w:rsidRPr="007530A8" w:rsidRDefault="007530A8" w:rsidP="00C36C9E">
            <w:pPr>
              <w:pStyle w:val="Lgendestandard"/>
            </w:pPr>
            <w:r w:rsidRPr="007530A8">
              <w:t xml:space="preserve">Ny tekst er markeret med </w:t>
            </w:r>
            <w:r w:rsidRPr="007530A8">
              <w:rPr>
                <w:b/>
                <w:bCs/>
                <w:i/>
              </w:rPr>
              <w:t>fede typer og kursiv</w:t>
            </w:r>
            <w:r w:rsidRPr="007530A8">
              <w:t>. Tekst, som er bortfaldet, markeres med symbolet ▌eller med overstregning. Ved udsk</w:t>
            </w:r>
            <w:r w:rsidRPr="007530A8">
              <w:t xml:space="preserve">iftninger markeres den nye tekst med </w:t>
            </w:r>
            <w:r w:rsidRPr="007530A8">
              <w:rPr>
                <w:b/>
                <w:bCs/>
                <w:i/>
              </w:rPr>
              <w:t>fede typer og kursiv</w:t>
            </w:r>
            <w:r w:rsidRPr="007530A8">
              <w:t>, og den udskiftede tekst slettes eller overstreges.</w:t>
            </w:r>
          </w:p>
          <w:p w:rsidR="00186918" w:rsidRPr="007530A8" w:rsidRDefault="007530A8" w:rsidP="00C36C9E">
            <w:pPr>
              <w:pStyle w:val="Lgendestandard"/>
              <w:rPr>
                <w:szCs w:val="24"/>
              </w:rPr>
            </w:pPr>
            <w:r w:rsidRPr="007530A8">
              <w:t>Som en undtagelse bliver rent tekniske justeringer, der er foretaget af de berørte tjenestegrene med henblik på udarbejdelsen af den endelige teks</w:t>
            </w:r>
            <w:r w:rsidRPr="007530A8">
              <w:t>t, ikke markeret.</w:t>
            </w:r>
          </w:p>
          <w:p w:rsidR="00186918" w:rsidRPr="007530A8" w:rsidRDefault="00186918" w:rsidP="0069092A">
            <w:pPr>
              <w:pStyle w:val="Lgendestandard"/>
            </w:pPr>
          </w:p>
        </w:tc>
      </w:tr>
    </w:tbl>
    <w:p w:rsidR="00186918" w:rsidRPr="007530A8" w:rsidRDefault="00186918" w:rsidP="00894923"/>
    <w:p w:rsidR="00793EA9" w:rsidRPr="007530A8" w:rsidRDefault="00793EA9" w:rsidP="00012351">
      <w:pPr>
        <w:widowControl/>
        <w:tabs>
          <w:tab w:val="center" w:pos="4677"/>
        </w:tabs>
      </w:pPr>
    </w:p>
    <w:p w:rsidR="00793EA9" w:rsidRPr="007530A8" w:rsidRDefault="007530A8">
      <w:pPr>
        <w:pStyle w:val="TOCHeading"/>
      </w:pPr>
      <w:r w:rsidRPr="007530A8">
        <w:br w:type="page"/>
      </w:r>
      <w:r w:rsidRPr="007530A8">
        <w:lastRenderedPageBreak/>
        <w:t>INDHOLD</w:t>
      </w:r>
    </w:p>
    <w:p w:rsidR="00793EA9" w:rsidRPr="007530A8" w:rsidRDefault="007530A8">
      <w:pPr>
        <w:pStyle w:val="TOCPage"/>
      </w:pPr>
      <w:r w:rsidRPr="007530A8">
        <w:t>Side</w:t>
      </w:r>
    </w:p>
    <w:p w:rsidR="007530A8" w:rsidRDefault="007530A8">
      <w:pPr>
        <w:pStyle w:val="TOC1"/>
        <w:tabs>
          <w:tab w:val="right" w:leader="dot" w:pos="9060"/>
        </w:tabs>
        <w:rPr>
          <w:rFonts w:asciiTheme="minorHAnsi" w:eastAsiaTheme="minorEastAsia" w:hAnsiTheme="minorHAnsi" w:cstheme="minorBidi"/>
          <w:noProof/>
          <w:sz w:val="22"/>
          <w:szCs w:val="22"/>
          <w:lang w:val="en-GB"/>
        </w:rPr>
      </w:pPr>
      <w:r w:rsidRPr="007530A8">
        <w:rPr>
          <w:b/>
        </w:rPr>
        <w:fldChar w:fldCharType="begin"/>
      </w:r>
      <w:r w:rsidRPr="007530A8">
        <w:rPr>
          <w:b/>
        </w:rPr>
        <w:instrText xml:space="preserve"> TOC \t "PageHeading</w:instrText>
      </w:r>
      <w:r w:rsidR="00226A86" w:rsidRPr="007530A8">
        <w:rPr>
          <w:b/>
        </w:rPr>
        <w:instrText>;</w:instrText>
      </w:r>
      <w:r w:rsidRPr="007530A8">
        <w:rPr>
          <w:b/>
        </w:rPr>
        <w:instrText xml:space="preserve">1" </w:instrText>
      </w:r>
      <w:r w:rsidRPr="007530A8">
        <w:rPr>
          <w:b/>
        </w:rPr>
        <w:fldChar w:fldCharType="separate"/>
      </w:r>
      <w:r>
        <w:rPr>
          <w:noProof/>
        </w:rPr>
        <w:t>FORSLAG TIL EUROPA-PARLAMENTETS LOVGIVNINGSMÆSSIGE BESLUTNING</w:t>
      </w:r>
      <w:r>
        <w:rPr>
          <w:noProof/>
        </w:rPr>
        <w:tab/>
      </w:r>
      <w:r>
        <w:rPr>
          <w:noProof/>
        </w:rPr>
        <w:fldChar w:fldCharType="begin"/>
      </w:r>
      <w:r>
        <w:rPr>
          <w:noProof/>
        </w:rPr>
        <w:instrText xml:space="preserve"> PAGEREF _Toc51154246 \h </w:instrText>
      </w:r>
      <w:r>
        <w:rPr>
          <w:noProof/>
        </w:rPr>
      </w:r>
      <w:r>
        <w:rPr>
          <w:noProof/>
        </w:rPr>
        <w:fldChar w:fldCharType="separate"/>
      </w:r>
      <w:r>
        <w:rPr>
          <w:noProof/>
        </w:rPr>
        <w:t>5</w:t>
      </w:r>
      <w:r>
        <w:rPr>
          <w:noProof/>
        </w:rPr>
        <w:fldChar w:fldCharType="end"/>
      </w:r>
    </w:p>
    <w:p w:rsidR="007530A8" w:rsidRDefault="007530A8">
      <w:pPr>
        <w:pStyle w:val="TOC1"/>
        <w:tabs>
          <w:tab w:val="right" w:leader="dot" w:pos="9060"/>
        </w:tabs>
        <w:rPr>
          <w:rFonts w:asciiTheme="minorHAnsi" w:eastAsiaTheme="minorEastAsia" w:hAnsiTheme="minorHAnsi" w:cstheme="minorBidi"/>
          <w:noProof/>
          <w:sz w:val="22"/>
          <w:szCs w:val="22"/>
          <w:lang w:val="en-GB"/>
        </w:rPr>
      </w:pPr>
      <w:r>
        <w:rPr>
          <w:noProof/>
        </w:rPr>
        <w:t>BEGRUNDELSE</w:t>
      </w:r>
      <w:r>
        <w:rPr>
          <w:noProof/>
        </w:rPr>
        <w:tab/>
      </w:r>
      <w:r>
        <w:rPr>
          <w:noProof/>
        </w:rPr>
        <w:fldChar w:fldCharType="begin"/>
      </w:r>
      <w:r>
        <w:rPr>
          <w:noProof/>
        </w:rPr>
        <w:instrText xml:space="preserve"> PAGEREF _Toc51154247 \h </w:instrText>
      </w:r>
      <w:r>
        <w:rPr>
          <w:noProof/>
        </w:rPr>
      </w:r>
      <w:r>
        <w:rPr>
          <w:noProof/>
        </w:rPr>
        <w:fldChar w:fldCharType="separate"/>
      </w:r>
      <w:r>
        <w:rPr>
          <w:noProof/>
        </w:rPr>
        <w:t>28</w:t>
      </w:r>
      <w:r>
        <w:rPr>
          <w:noProof/>
        </w:rPr>
        <w:fldChar w:fldCharType="end"/>
      </w:r>
    </w:p>
    <w:p w:rsidR="002346B0" w:rsidRPr="007530A8" w:rsidRDefault="007530A8" w:rsidP="00C23324">
      <w:r w:rsidRPr="007530A8">
        <w:rPr>
          <w:b/>
        </w:rPr>
        <w:fldChar w:fldCharType="end"/>
      </w:r>
    </w:p>
    <w:p w:rsidR="00793EA9" w:rsidRPr="007530A8" w:rsidRDefault="007530A8">
      <w:pPr>
        <w:pStyle w:val="PageHeading"/>
      </w:pPr>
      <w:r w:rsidRPr="007530A8">
        <w:br w:type="page"/>
      </w:r>
      <w:r w:rsidRPr="007530A8">
        <w:lastRenderedPageBreak/>
        <w:br w:type="page"/>
      </w:r>
      <w:bookmarkStart w:id="0" w:name="_Toc51154246"/>
      <w:r w:rsidRPr="007530A8">
        <w:lastRenderedPageBreak/>
        <w:t>FORSLAG TIL EUROPA-PARLAMENTETS LOVGIVNINGSMÆSSIGE BESLUTNING</w:t>
      </w:r>
      <w:bookmarkEnd w:id="0"/>
    </w:p>
    <w:p w:rsidR="00793EA9" w:rsidRPr="007530A8" w:rsidRDefault="007530A8">
      <w:pPr>
        <w:pStyle w:val="NormalBold"/>
      </w:pPr>
      <w:r w:rsidRPr="007530A8">
        <w:t>om forslag til Europa-Parlamentets og Rådets forordning om fastlæggelse af betingelserne for a</w:t>
      </w:r>
      <w:r w:rsidRPr="007530A8">
        <w:t>t tilgå andre EU-informationssystemer og om ændring af forordning (EU) 2018/1862 og forordning (EU) 2019/816</w:t>
      </w:r>
    </w:p>
    <w:p w:rsidR="00793EA9" w:rsidRPr="007530A8" w:rsidRDefault="007530A8">
      <w:pPr>
        <w:pStyle w:val="NormalBold12a"/>
      </w:pPr>
      <w:r w:rsidRPr="007530A8">
        <w:t>(COM(2019)0003 – C8-0025/2019 – 2019/0001(COD))</w:t>
      </w:r>
    </w:p>
    <w:p w:rsidR="00793EA9" w:rsidRPr="007530A8" w:rsidRDefault="007530A8" w:rsidP="00A910C9">
      <w:pPr>
        <w:pStyle w:val="NormalBold"/>
      </w:pPr>
      <w:r w:rsidRPr="007530A8">
        <w:t>(Almindelig lovgivningsprocedure: førstebehandling)</w:t>
      </w:r>
    </w:p>
    <w:p w:rsidR="00793EA9" w:rsidRPr="007530A8" w:rsidRDefault="007530A8" w:rsidP="00A910C9">
      <w:pPr>
        <w:pStyle w:val="EPComma"/>
      </w:pPr>
      <w:r w:rsidRPr="007530A8">
        <w:rPr>
          <w:i/>
        </w:rPr>
        <w:t>Europa-Parlamentet</w:t>
      </w:r>
      <w:r w:rsidRPr="007530A8">
        <w:t>,</w:t>
      </w:r>
    </w:p>
    <w:p w:rsidR="00793EA9" w:rsidRPr="007530A8" w:rsidRDefault="007530A8">
      <w:pPr>
        <w:pStyle w:val="NormalHanging12a"/>
      </w:pPr>
      <w:r w:rsidRPr="007530A8">
        <w:t>–</w:t>
      </w:r>
      <w:r w:rsidRPr="007530A8">
        <w:tab/>
        <w:t>der henviser til Kommissi</w:t>
      </w:r>
      <w:r w:rsidRPr="007530A8">
        <w:t>onens forslag til Europa-Parlamentet og Rådet (COM(2019)0003),</w:t>
      </w:r>
    </w:p>
    <w:p w:rsidR="00793EA9" w:rsidRPr="007530A8" w:rsidRDefault="007530A8">
      <w:pPr>
        <w:pStyle w:val="NormalHanging12a"/>
      </w:pPr>
      <w:r w:rsidRPr="007530A8">
        <w:t>–</w:t>
      </w:r>
      <w:r w:rsidRPr="007530A8">
        <w:tab/>
        <w:t>der henviser til artikel 294, stk. 2, artikel 82, stk. 1, litra d), og artikel 87, stk. 2, litra a), i traktaten om Den Europæiske Unions funktionsmåde, på grundlag af hvilke Kommissionen har</w:t>
      </w:r>
      <w:r w:rsidRPr="007530A8">
        <w:t xml:space="preserve"> forelagt forslaget for Parlamentet (C8-0025/2019),</w:t>
      </w:r>
    </w:p>
    <w:p w:rsidR="00A26F46" w:rsidRPr="007530A8" w:rsidRDefault="007530A8" w:rsidP="00A26F46">
      <w:pPr>
        <w:pStyle w:val="NormalHanging12a"/>
      </w:pPr>
      <w:r w:rsidRPr="007530A8">
        <w:t>–</w:t>
      </w:r>
      <w:r w:rsidRPr="007530A8">
        <w:tab/>
        <w:t>der henviser til artikel 294, stk. 3, i traktaten om Den Europæiske Unions funktionsmåde,</w:t>
      </w:r>
    </w:p>
    <w:p w:rsidR="00793EA9" w:rsidRPr="007530A8" w:rsidRDefault="007530A8">
      <w:pPr>
        <w:pStyle w:val="NormalHanging12a"/>
      </w:pPr>
      <w:r w:rsidRPr="007530A8">
        <w:t>–</w:t>
      </w:r>
      <w:r w:rsidRPr="007530A8">
        <w:tab/>
        <w:t>der henviser til forretningsordenens artikel 59,</w:t>
      </w:r>
    </w:p>
    <w:p w:rsidR="006A2F5D" w:rsidRPr="007530A8" w:rsidRDefault="007530A8" w:rsidP="006A2F5D">
      <w:pPr>
        <w:pStyle w:val="NormalHanging12a"/>
      </w:pPr>
      <w:r w:rsidRPr="007530A8">
        <w:t>–</w:t>
      </w:r>
      <w:r w:rsidRPr="007530A8">
        <w:tab/>
        <w:t>der henviser til udtalelse fra Transport- og Turismeudvalge</w:t>
      </w:r>
      <w:r w:rsidRPr="007530A8">
        <w:t>t,</w:t>
      </w:r>
    </w:p>
    <w:p w:rsidR="006A2F5D" w:rsidRPr="007530A8" w:rsidRDefault="007530A8" w:rsidP="006A2F5D">
      <w:pPr>
        <w:pStyle w:val="NormalHanging12a"/>
      </w:pPr>
      <w:r w:rsidRPr="007530A8">
        <w:t>–</w:t>
      </w:r>
      <w:r w:rsidRPr="007530A8">
        <w:tab/>
        <w:t>der henviser til betænkning fra Udvalget om Borgernes Rettigheder og Retlige og Indre Anliggender (A9-0000/2020),</w:t>
      </w:r>
    </w:p>
    <w:p w:rsidR="009F6C2F" w:rsidRPr="007530A8" w:rsidRDefault="007530A8" w:rsidP="009F6C2F">
      <w:pPr>
        <w:pStyle w:val="NormalHanging12a"/>
      </w:pPr>
      <w:r w:rsidRPr="007530A8">
        <w:t>1.</w:t>
      </w:r>
      <w:r w:rsidRPr="007530A8">
        <w:tab/>
        <w:t>vedtager nedenstående holdning ved førstebehandling;</w:t>
      </w:r>
    </w:p>
    <w:p w:rsidR="00186918" w:rsidRPr="007530A8" w:rsidRDefault="007530A8" w:rsidP="00186918">
      <w:pPr>
        <w:pStyle w:val="NormalHanging12a"/>
      </w:pPr>
      <w:r w:rsidRPr="007530A8">
        <w:t>2.</w:t>
      </w:r>
      <w:r w:rsidRPr="007530A8">
        <w:tab/>
        <w:t>anmoder om fornyet forelæggelse, hvis Kommissionen erstatter, i væsentlig grad</w:t>
      </w:r>
      <w:r w:rsidRPr="007530A8">
        <w:t xml:space="preserve"> ændrer eller agter i væsentlig grad at ændre sit forslag;</w:t>
      </w:r>
    </w:p>
    <w:p w:rsidR="009F6C2F" w:rsidRPr="007530A8" w:rsidRDefault="007530A8" w:rsidP="009F6C2F">
      <w:pPr>
        <w:pStyle w:val="NormalHanging12a"/>
      </w:pPr>
      <w:r w:rsidRPr="007530A8">
        <w:t>3.</w:t>
      </w:r>
      <w:r w:rsidRPr="007530A8">
        <w:tab/>
        <w:t>pålægger sin formand at sende Parlamentets holdning til Rådet og Kommissionen samt til de nationale parlamenter.</w:t>
      </w:r>
    </w:p>
    <w:p w:rsidR="00D30DE2" w:rsidRPr="007530A8" w:rsidRDefault="00D30DE2" w:rsidP="00D30DE2"/>
    <w:p w:rsidR="003C1E67" w:rsidRPr="007530A8" w:rsidRDefault="007530A8" w:rsidP="003C1E67">
      <w:pPr>
        <w:pStyle w:val="AmNumberTabs"/>
        <w:keepNext/>
      </w:pPr>
      <w:r w:rsidRPr="007530A8">
        <w:br w:type="column"/>
      </w:r>
      <w:r w:rsidRPr="007530A8">
        <w:rPr>
          <w:rStyle w:val="HideTWBExt"/>
          <w:b w:val="0"/>
          <w:noProof w:val="0"/>
        </w:rPr>
        <w:lastRenderedPageBreak/>
        <w:t>&lt;RepeatBlock-Amend&gt;</w:t>
      </w:r>
      <w:bookmarkStart w:id="1" w:name="restart"/>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1</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w:t>
      </w:r>
      <w:r w:rsidRPr="007530A8">
        <w: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Titel</w:t>
      </w:r>
      <w:r w:rsidRPr="007530A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 xml:space="preserve">EUROPA-PARLAMENTETS OG RÅDETS FORORDNING om fastlæggelse af betingelserne for at tilgå andre EU-informationssystemer og om </w:t>
            </w:r>
            <w:r w:rsidRPr="007530A8">
              <w:rPr>
                <w:b/>
                <w:i/>
              </w:rPr>
              <w:cr/>
            </w:r>
            <w:r w:rsidRPr="007530A8">
              <w:rPr>
                <w:b/>
                <w:i/>
              </w:rPr>
              <w:br/>
            </w:r>
            <w:r w:rsidRPr="007530A8">
              <w:t xml:space="preserve">ændring af forordning (EU) 2018/1862 og forordning (EU) </w:t>
            </w:r>
            <w:r w:rsidRPr="007530A8">
              <w:rPr>
                <w:b/>
                <w:i/>
              </w:rPr>
              <w:t>yyyy</w:t>
            </w:r>
            <w:r w:rsidRPr="007530A8">
              <w:t>/</w:t>
            </w:r>
            <w:r w:rsidRPr="007530A8">
              <w:rPr>
                <w:b/>
                <w:i/>
              </w:rPr>
              <w:t>xxx [ECRIS-TCN]</w:t>
            </w:r>
            <w:r w:rsidRPr="007530A8">
              <w:rPr>
                <w:b/>
                <w:i/>
              </w:rPr>
              <w:cr/>
            </w:r>
            <w:r w:rsidRPr="007530A8">
              <w:rPr>
                <w:b/>
                <w:i/>
              </w:rPr>
              <w:br/>
            </w:r>
          </w:p>
        </w:tc>
        <w:tc>
          <w:tcPr>
            <w:tcW w:w="4876" w:type="dxa"/>
          </w:tcPr>
          <w:p w:rsidR="003C1E67" w:rsidRPr="007530A8" w:rsidRDefault="007530A8" w:rsidP="00FC1640">
            <w:pPr>
              <w:pStyle w:val="Normal6a"/>
              <w:rPr>
                <w:szCs w:val="24"/>
              </w:rPr>
            </w:pPr>
            <w:r w:rsidRPr="007530A8">
              <w:t>EUROPA-PARLAMENTETS OG RÅDETS FORORDNING om fastlæggelse af betingelserne for at tilgå andre EU-informationssystemer og om ændring af forordning (EU) 2018/1862</w:t>
            </w:r>
            <w:r w:rsidRPr="007530A8">
              <w:rPr>
                <w:b/>
                <w:i/>
              </w:rPr>
              <w:t xml:space="preserve">, </w:t>
            </w:r>
            <w:r w:rsidRPr="007530A8">
              <w:t>forordning (EU)</w:t>
            </w:r>
            <w:r w:rsidRPr="007530A8">
              <w:rPr>
                <w:b/>
                <w:i/>
              </w:rPr>
              <w:t xml:space="preserve"> </w:t>
            </w:r>
            <w:r w:rsidRPr="007530A8">
              <w:rPr>
                <w:b/>
                <w:i/>
              </w:rPr>
              <w:t>2019/816</w:t>
            </w:r>
            <w:r w:rsidRPr="007530A8">
              <w:t xml:space="preserve"> </w:t>
            </w:r>
            <w:r w:rsidRPr="007530A8">
              <w:rPr>
                <w:b/>
                <w:i/>
              </w:rPr>
              <w:t>og forordning (EU)</w:t>
            </w:r>
            <w:r w:rsidRPr="007530A8">
              <w:t xml:space="preserve"> </w:t>
            </w:r>
            <w:r w:rsidRPr="007530A8">
              <w:rPr>
                <w:b/>
                <w:i/>
              </w:rPr>
              <w:t>2019</w:t>
            </w:r>
            <w:r w:rsidRPr="007530A8">
              <w:t>/</w:t>
            </w:r>
            <w:r w:rsidRPr="007530A8">
              <w:rPr>
                <w:b/>
                <w:i/>
              </w:rPr>
              <w:t>818</w:t>
            </w:r>
          </w:p>
        </w:tc>
      </w:tr>
    </w:tbl>
    <w:p w:rsidR="003C1E67" w:rsidRPr="007530A8" w:rsidRDefault="007530A8" w:rsidP="003C1E67">
      <w:pPr>
        <w:pStyle w:val="AmOrLang"/>
      </w:pPr>
      <w:r w:rsidRPr="007530A8">
        <w:t xml:space="preserve">Or. </w:t>
      </w:r>
      <w:r w:rsidRPr="007530A8">
        <w:rPr>
          <w:rStyle w:val="HideTWBExt"/>
          <w:noProof w:val="0"/>
        </w:rPr>
        <w:t>&lt;Original&gt;</w:t>
      </w:r>
      <w:r w:rsidRPr="007530A8">
        <w:rPr>
          <w:rStyle w:val="HideTWBInt"/>
        </w:rPr>
        <w:t>{EN}</w:t>
      </w:r>
      <w:r w:rsidRPr="007530A8">
        <w:t>en</w:t>
      </w:r>
      <w:r w:rsidRPr="007530A8">
        <w:rPr>
          <w:rStyle w:val="HideTWBExt"/>
          <w:noProof w:val="0"/>
        </w:rPr>
        <w:t>&lt;/Original&gt;</w:t>
      </w:r>
    </w:p>
    <w:p w:rsidR="003C1E67" w:rsidRPr="007530A8" w:rsidRDefault="007530A8" w:rsidP="003C1E67">
      <w:r w:rsidRPr="007530A8">
        <w:rPr>
          <w:rStyle w:val="HideTWBExt"/>
          <w:noProof w:val="0"/>
        </w:rPr>
        <w:t>&lt;/Amend&gt;</w:t>
      </w:r>
      <w:bookmarkEnd w:id="1"/>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2</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Henvisning 4</w:t>
      </w:r>
      <w:r w:rsidRPr="007530A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4)</w:t>
            </w:r>
            <w:r w:rsidRPr="007530A8">
              <w:tab/>
              <w:t xml:space="preserve">I nærværende </w:t>
            </w:r>
            <w:r w:rsidRPr="007530A8">
              <w:t xml:space="preserve">forordning fastsættes der bestemmelser om, hvordan denne interoperabilitet og betingelserne for søgning i de oplysninger, der er lagret i andre EU-informationssystemer, og Europoloplysninger ved hjælp af den automatiserede proces i ETIAS med henblik på at </w:t>
            </w:r>
            <w:r w:rsidRPr="007530A8">
              <w:t>finde hit skal gennemføres. Som følge heraf er det nødvendig at ændre Europa-Parlamentets og Rådets forordning (EU) 2018/1862, (SIS - politi)</w:t>
            </w:r>
            <w:r w:rsidRPr="007530A8">
              <w:rPr>
                <w:vertAlign w:val="superscript"/>
              </w:rPr>
              <w:t>26</w:t>
            </w:r>
            <w:r w:rsidRPr="007530A8">
              <w:t xml:space="preserve"> og (EU) </w:t>
            </w:r>
            <w:r w:rsidRPr="007530A8">
              <w:rPr>
                <w:b/>
                <w:i/>
              </w:rPr>
              <w:t>yyyy/xxxx</w:t>
            </w:r>
            <w:r w:rsidRPr="007530A8">
              <w:t>, (ECRIS-TCN)</w:t>
            </w:r>
            <w:r w:rsidRPr="007530A8">
              <w:rPr>
                <w:vertAlign w:val="superscript"/>
              </w:rPr>
              <w:t>27</w:t>
            </w:r>
            <w:r w:rsidRPr="007530A8">
              <w:t xml:space="preserve"> for at koble det centrale ETIAS-system til andre EU-informationssystemer og Eur</w:t>
            </w:r>
            <w:r w:rsidRPr="007530A8">
              <w:t xml:space="preserve">opoloplysninger og specificere, hvilke data der vil blive sendt til og fra disse EU-informationssystemer og Europoloplysninger. </w:t>
            </w:r>
            <w:r w:rsidRPr="007530A8">
              <w:cr/>
            </w:r>
            <w:r w:rsidRPr="007530A8">
              <w:br/>
            </w:r>
          </w:p>
        </w:tc>
        <w:tc>
          <w:tcPr>
            <w:tcW w:w="4876" w:type="dxa"/>
          </w:tcPr>
          <w:p w:rsidR="003C1E67" w:rsidRPr="007530A8" w:rsidRDefault="007530A8" w:rsidP="00FC1640">
            <w:pPr>
              <w:pStyle w:val="Normal6a"/>
              <w:rPr>
                <w:szCs w:val="24"/>
              </w:rPr>
            </w:pPr>
            <w:r w:rsidRPr="007530A8">
              <w:t>(4)</w:t>
            </w:r>
            <w:r w:rsidRPr="007530A8">
              <w:tab/>
              <w:t>I nærværende forordning fastsættes der bestemmelser om, hvordan denne interoperabilitet og betingelserne for søgning i de</w:t>
            </w:r>
            <w:r w:rsidRPr="007530A8">
              <w:t xml:space="preserve"> oplysninger, der er lagret i andre EU-informationssystemer, og Europoloplysninger ved hjælp af den automatiserede proces i ETIAS med henblik på at finde hit skal gennemføres. Som følge heraf er det nødvendig at ændre Europa-Parlamentets og Rådets forordni</w:t>
            </w:r>
            <w:r w:rsidRPr="007530A8">
              <w:t>ng (EU) 2018/1862, (SIS - politi)</w:t>
            </w:r>
            <w:r w:rsidRPr="007530A8">
              <w:rPr>
                <w:vertAlign w:val="superscript"/>
              </w:rPr>
              <w:t>26</w:t>
            </w:r>
            <w:r w:rsidRPr="007530A8">
              <w:t xml:space="preserve"> og (EU) </w:t>
            </w:r>
            <w:r w:rsidRPr="007530A8">
              <w:rPr>
                <w:b/>
                <w:i/>
              </w:rPr>
              <w:t>2019/816</w:t>
            </w:r>
            <w:r w:rsidRPr="007530A8">
              <w:t>, (ECRIS-TCN)</w:t>
            </w:r>
            <w:r w:rsidRPr="007530A8">
              <w:rPr>
                <w:vertAlign w:val="superscript"/>
              </w:rPr>
              <w:t>27</w:t>
            </w:r>
            <w:r w:rsidRPr="007530A8">
              <w:t xml:space="preserve"> for at koble det centrale ETIAS-system til andre EU-informationssystemer og Europoloplysninger og specificere, hvilke data der vil blive sendt til og fra disse EU-informationssystemer og E</w:t>
            </w:r>
            <w:r w:rsidRPr="007530A8">
              <w:t>uropoloplysninger.</w:t>
            </w:r>
          </w:p>
        </w:tc>
      </w:tr>
      <w:tr w:rsidR="006743F5" w:rsidRPr="007530A8" w:rsidTr="00FC1640">
        <w:trPr>
          <w:jc w:val="center"/>
        </w:trPr>
        <w:tc>
          <w:tcPr>
            <w:tcW w:w="4876" w:type="dxa"/>
          </w:tcPr>
          <w:p w:rsidR="003C1E67" w:rsidRPr="007530A8" w:rsidRDefault="007530A8" w:rsidP="00FC1640">
            <w:pPr>
              <w:pStyle w:val="Normal6a"/>
            </w:pPr>
            <w:r w:rsidRPr="007530A8">
              <w:t>_________________</w:t>
            </w:r>
          </w:p>
        </w:tc>
        <w:tc>
          <w:tcPr>
            <w:tcW w:w="4876" w:type="dxa"/>
          </w:tcPr>
          <w:p w:rsidR="003C1E67" w:rsidRPr="007530A8" w:rsidRDefault="007530A8" w:rsidP="00FC1640">
            <w:pPr>
              <w:pStyle w:val="Normal6a"/>
            </w:pPr>
            <w:r w:rsidRPr="007530A8">
              <w:t>_________________</w:t>
            </w:r>
          </w:p>
        </w:tc>
      </w:tr>
      <w:tr w:rsidR="006743F5" w:rsidRPr="007530A8" w:rsidTr="00FC1640">
        <w:trPr>
          <w:jc w:val="center"/>
        </w:trPr>
        <w:tc>
          <w:tcPr>
            <w:tcW w:w="4876" w:type="dxa"/>
          </w:tcPr>
          <w:p w:rsidR="003C1E67" w:rsidRPr="007530A8" w:rsidRDefault="007530A8" w:rsidP="00FC1640">
            <w:pPr>
              <w:pStyle w:val="Normal6a"/>
            </w:pPr>
            <w:r w:rsidRPr="007530A8">
              <w:rPr>
                <w:vertAlign w:val="superscript"/>
              </w:rPr>
              <w:t>26</w:t>
            </w:r>
            <w:r w:rsidR="002C3D32" w:rsidRPr="007530A8">
              <w:t xml:space="preserve"> </w:t>
            </w:r>
            <w:r w:rsidRPr="007530A8">
              <w:t xml:space="preserve">Europa-Parlamentets og Rådets forordning (EU) 2018/1862 af 28. </w:t>
            </w:r>
            <w:r w:rsidRPr="007530A8">
              <w:lastRenderedPageBreak/>
              <w:t xml:space="preserve">november 2018 om oprettelse, drift og brug </w:t>
            </w:r>
            <w:r w:rsidRPr="007530A8">
              <w:t>af Schengeninformationssystemet (SIS) på området politisamarbejde og strafferetligt samarbejde, om ændring og ophævelse af Rådets afgørelse 2007/533/RIA og om ophævelse af Europa-Parlamentets og Rådets forordning (EF) nr. 1986/2006 og Kommissionens afgørel</w:t>
            </w:r>
            <w:r w:rsidRPr="007530A8">
              <w:t xml:space="preserve">se 2010/261/EU (EUT L 312 af 7.12.2018, s. 56). </w:t>
            </w:r>
          </w:p>
        </w:tc>
        <w:tc>
          <w:tcPr>
            <w:tcW w:w="4876" w:type="dxa"/>
          </w:tcPr>
          <w:p w:rsidR="003C1E67" w:rsidRPr="007530A8" w:rsidRDefault="007530A8" w:rsidP="00FC1640">
            <w:pPr>
              <w:pStyle w:val="Normal6a"/>
            </w:pPr>
            <w:r w:rsidRPr="007530A8">
              <w:rPr>
                <w:vertAlign w:val="superscript"/>
              </w:rPr>
              <w:lastRenderedPageBreak/>
              <w:t>26</w:t>
            </w:r>
            <w:r w:rsidR="002C3D32" w:rsidRPr="007530A8">
              <w:t xml:space="preserve"> </w:t>
            </w:r>
            <w:r w:rsidRPr="007530A8">
              <w:t xml:space="preserve">Europa-Parlamentets og Rådets forordning (EU) 2018/1862 af 28. </w:t>
            </w:r>
            <w:r w:rsidRPr="007530A8">
              <w:lastRenderedPageBreak/>
              <w:t xml:space="preserve">november 2018 om oprettelse, drift og brug af Schengeninformationssystemet (SIS) på området politisamarbejde og strafferetligt samarbejde, </w:t>
            </w:r>
            <w:r w:rsidRPr="007530A8">
              <w:t>om ændring og ophævelse af Rådets afgørelse 2007/533/RIA og om ophævelse af Europa-Parlamentets og Rådets forordning (EF) nr. 1986/2006 og Kommissionens afgørelse 2010/261/EU, EUT L 312 af 7.12.2018, s. 56.</w:t>
            </w:r>
          </w:p>
        </w:tc>
      </w:tr>
      <w:tr w:rsidR="006743F5" w:rsidRPr="007530A8" w:rsidTr="00FC1640">
        <w:trPr>
          <w:jc w:val="center"/>
        </w:trPr>
        <w:tc>
          <w:tcPr>
            <w:tcW w:w="4876" w:type="dxa"/>
          </w:tcPr>
          <w:p w:rsidR="003C1E67" w:rsidRPr="007530A8" w:rsidRDefault="007530A8" w:rsidP="00FC1640">
            <w:pPr>
              <w:pStyle w:val="Normal6a"/>
            </w:pPr>
            <w:r w:rsidRPr="007530A8">
              <w:rPr>
                <w:vertAlign w:val="superscript"/>
              </w:rPr>
              <w:lastRenderedPageBreak/>
              <w:t>27</w:t>
            </w:r>
            <w:r w:rsidRPr="007530A8">
              <w:tab/>
            </w:r>
            <w:r w:rsidRPr="007530A8">
              <w:t xml:space="preserve">Europa-Parlamentets og Rådets forordning (EU) YYYY/xxx … (EUT L af , s. ). </w:t>
            </w:r>
          </w:p>
        </w:tc>
        <w:tc>
          <w:tcPr>
            <w:tcW w:w="4876" w:type="dxa"/>
          </w:tcPr>
          <w:p w:rsidR="003C1E67" w:rsidRPr="007530A8" w:rsidRDefault="007530A8" w:rsidP="00FC1640">
            <w:pPr>
              <w:pStyle w:val="Normal6a"/>
            </w:pPr>
            <w:r w:rsidRPr="007530A8">
              <w:rPr>
                <w:vertAlign w:val="superscript"/>
              </w:rPr>
              <w:t>27</w:t>
            </w:r>
            <w:r w:rsidRPr="007530A8">
              <w:tab/>
              <w:t xml:space="preserve">Europa-Parlamentets og Rådets forordning (EU) </w:t>
            </w:r>
            <w:r w:rsidRPr="007530A8">
              <w:rPr>
                <w:b/>
                <w:i/>
              </w:rPr>
              <w:t>2019/816 af 17. april 2019 om oprettelse af et centralt system til bestemmelse af, hvilke medlemsstater der ligger inde med oplysni</w:t>
            </w:r>
            <w:r w:rsidRPr="007530A8">
              <w:rPr>
                <w:b/>
                <w:i/>
              </w:rPr>
              <w:t>nger om straffedomme afsagt over tredjelandsstatsborgere og statsløse personer (ECRIS-TCN) for at supplere det europæiske informationssystem vedrørende strafferegistre, og om ændring af forordning (EU) 2018/1726</w:t>
            </w:r>
            <w:r w:rsidRPr="007530A8">
              <w:t xml:space="preserve"> (EUT L </w:t>
            </w:r>
            <w:r w:rsidRPr="007530A8">
              <w:rPr>
                <w:b/>
                <w:i/>
              </w:rPr>
              <w:t>135</w:t>
            </w:r>
            <w:r w:rsidRPr="007530A8">
              <w:t xml:space="preserve"> af</w:t>
            </w:r>
            <w:r w:rsidRPr="007530A8">
              <w:rPr>
                <w:b/>
                <w:i/>
              </w:rPr>
              <w:t xml:space="preserve"> 22.5.2019</w:t>
            </w:r>
            <w:r w:rsidRPr="007530A8">
              <w:t>, s.</w:t>
            </w:r>
            <w:r w:rsidR="002C3D32" w:rsidRPr="007530A8">
              <w:t xml:space="preserve"> </w:t>
            </w:r>
            <w:r w:rsidRPr="007530A8">
              <w:rPr>
                <w:b/>
                <w:i/>
              </w:rPr>
              <w:t>1</w:t>
            </w:r>
            <w:r w:rsidRPr="007530A8">
              <w:t>).</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w:t>
      </w:r>
      <w:r w:rsidRPr="007530A8">
        <w:rPr>
          <w:rStyle w:val="HideTWBExt"/>
          <w:rFonts w:eastAsiaTheme="majorEastAsia"/>
          <w:noProof w:val="0"/>
        </w:rPr>
        <w:t>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3</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Henvisning 6</w:t>
      </w:r>
      <w:r w:rsidRPr="007530A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6)</w:t>
            </w:r>
            <w:r w:rsidRPr="007530A8">
              <w:tab/>
            </w:r>
            <w:r w:rsidRPr="007530A8">
              <w:t>Af effektivitetshensyn og for at mindske omkostningerne bør ETIAS som fastsat i artikel 6, stk. 3, i forordning (EU) 2018/1240 genbruge de hardware- og softwarekomponenter, der blev udviklet med henblik på ind- og udrejsesystemet i forbindelse med udviklin</w:t>
            </w:r>
            <w:r w:rsidRPr="007530A8">
              <w:t>gen af et fælles identitetsregister. Dette register, der skal anvendes til lagring af alfanumeriske identitetsoplysninger vedrørende både ETIAS-ansøgere og tredjelandsstatsborgere, der er registreret i ind- og udrejsesystemet, bør udvikles på en sådan måde</w:t>
            </w:r>
            <w:r w:rsidRPr="007530A8">
              <w:t xml:space="preserve">, at det kan udvides og blive det fremtidige fælles identitetsregister. </w:t>
            </w:r>
            <w:r w:rsidRPr="007530A8">
              <w:rPr>
                <w:b/>
                <w:i/>
              </w:rPr>
              <w:t xml:space="preserve">På </w:t>
            </w:r>
            <w:r w:rsidRPr="007530A8">
              <w:rPr>
                <w:b/>
                <w:i/>
              </w:rPr>
              <w:lastRenderedPageBreak/>
              <w:t>samme måde bør det værktøj, der skal indføres for at gøre det muligt via ETIAS at sammenligne data heri med data i ethvert andet system, der konsulteres via en enkelt søgning, udvik</w:t>
            </w:r>
            <w:r w:rsidRPr="007530A8">
              <w:rPr>
                <w:b/>
                <w:i/>
              </w:rPr>
              <w:t>les på en sådan måde, at det vil kunne blive den fremtidige europæiske søgeportal.</w:t>
            </w:r>
          </w:p>
        </w:tc>
        <w:tc>
          <w:tcPr>
            <w:tcW w:w="4876" w:type="dxa"/>
          </w:tcPr>
          <w:p w:rsidR="003C1E67" w:rsidRPr="007530A8" w:rsidRDefault="007530A8" w:rsidP="00FC1640">
            <w:pPr>
              <w:pStyle w:val="Normal6a"/>
              <w:rPr>
                <w:szCs w:val="24"/>
              </w:rPr>
            </w:pPr>
            <w:r w:rsidRPr="007530A8">
              <w:lastRenderedPageBreak/>
              <w:t>(6)</w:t>
            </w:r>
            <w:r w:rsidRPr="007530A8">
              <w:tab/>
              <w:t>Af effektivitetshensyn og for at mindske omkostningerne bør ETIAS som fastsat i artikel 6, stk. 3, i forordning (EU) 2018/1240 genbruge de hardware- og softwarekomponent</w:t>
            </w:r>
            <w:r w:rsidRPr="007530A8">
              <w:t>er, der blev udviklet med henblik på ind- og udrejsesystemet i forbindelse med udviklingen af et fælles identitetsregister. Dette register, der skal anvendes til lagring af alfanumeriske identitetsoplysninger vedrørende både ETIAS-ansøgere og tredjelandsst</w:t>
            </w:r>
            <w:r w:rsidRPr="007530A8">
              <w:t xml:space="preserve">atsborgere, der er registreret i ind- og udrejsesystemet, bør udvikles på en sådan måde, at det kan udvides og blive det </w:t>
            </w:r>
            <w:r w:rsidRPr="007530A8">
              <w:lastRenderedPageBreak/>
              <w:t>fremtidige fælles identitetsregister.</w:t>
            </w:r>
          </w:p>
        </w:tc>
      </w:tr>
    </w:tbl>
    <w:p w:rsidR="003C1E67" w:rsidRPr="007530A8" w:rsidRDefault="007530A8" w:rsidP="003C1E67">
      <w:pPr>
        <w:pStyle w:val="AmOrLang"/>
      </w:pPr>
      <w:r w:rsidRPr="007530A8">
        <w:lastRenderedPageBreak/>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4</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Betragtning 6 a (ny)</w:t>
      </w:r>
      <w:r w:rsidRPr="007530A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3C1E67" w:rsidP="00FC1640">
            <w:pPr>
              <w:pStyle w:val="Normal6a"/>
            </w:pPr>
          </w:p>
        </w:tc>
        <w:tc>
          <w:tcPr>
            <w:tcW w:w="4876" w:type="dxa"/>
          </w:tcPr>
          <w:p w:rsidR="003C1E67" w:rsidRPr="007530A8" w:rsidRDefault="007530A8" w:rsidP="00FC1640">
            <w:pPr>
              <w:pStyle w:val="Normal6a"/>
              <w:rPr>
                <w:szCs w:val="24"/>
              </w:rPr>
            </w:pPr>
            <w:r w:rsidRPr="007530A8">
              <w:rPr>
                <w:b/>
                <w:i/>
              </w:rPr>
              <w:t>(6a)</w:t>
            </w:r>
            <w:r w:rsidRPr="007530A8">
              <w:rPr>
                <w:b/>
                <w:i/>
              </w:rPr>
              <w:tab/>
              <w:t>Den europæiske søgeportal (ESP), der blev oprettet ved Europa-Parlamentets og Rådets forordning (EU) nr. 2019/817</w:t>
            </w:r>
            <w:r w:rsidRPr="007530A8">
              <w:rPr>
                <w:b/>
                <w:i/>
                <w:vertAlign w:val="superscript"/>
              </w:rPr>
              <w:t>1a</w:t>
            </w:r>
            <w:r w:rsidRPr="007530A8">
              <w:rPr>
                <w:b/>
                <w:i/>
              </w:rPr>
              <w:t xml:space="preserve">, vil gøre det </w:t>
            </w:r>
            <w:r w:rsidRPr="007530A8">
              <w:rPr>
                <w:b/>
                <w:i/>
              </w:rPr>
              <w:t>muligt at sammenligne de data, der lagres i ETIAS, med de data, der lagres i ethvert andet informationssystem, ved hjælp af en enkelt forespørgsel.</w:t>
            </w:r>
          </w:p>
        </w:tc>
      </w:tr>
      <w:tr w:rsidR="006743F5" w:rsidRPr="007530A8" w:rsidTr="00FC1640">
        <w:trPr>
          <w:jc w:val="center"/>
        </w:trPr>
        <w:tc>
          <w:tcPr>
            <w:tcW w:w="4876" w:type="dxa"/>
          </w:tcPr>
          <w:p w:rsidR="003C1E67" w:rsidRPr="007530A8" w:rsidRDefault="003C1E67" w:rsidP="00FC1640">
            <w:pPr>
              <w:pStyle w:val="Normal6a"/>
            </w:pPr>
          </w:p>
        </w:tc>
        <w:tc>
          <w:tcPr>
            <w:tcW w:w="4876" w:type="dxa"/>
          </w:tcPr>
          <w:p w:rsidR="003C1E67" w:rsidRPr="007530A8" w:rsidRDefault="007530A8" w:rsidP="00FC1640">
            <w:pPr>
              <w:pStyle w:val="Normal6a"/>
              <w:rPr>
                <w:b/>
                <w:i/>
              </w:rPr>
            </w:pPr>
            <w:r w:rsidRPr="007530A8">
              <w:rPr>
                <w:b/>
                <w:i/>
              </w:rPr>
              <w:t>______________</w:t>
            </w:r>
          </w:p>
        </w:tc>
      </w:tr>
      <w:tr w:rsidR="006743F5" w:rsidRPr="007530A8" w:rsidTr="00FC1640">
        <w:trPr>
          <w:jc w:val="center"/>
        </w:trPr>
        <w:tc>
          <w:tcPr>
            <w:tcW w:w="4876" w:type="dxa"/>
          </w:tcPr>
          <w:p w:rsidR="003C1E67" w:rsidRPr="007530A8" w:rsidRDefault="003C1E67" w:rsidP="00FC1640">
            <w:pPr>
              <w:pStyle w:val="Normal6a"/>
            </w:pPr>
          </w:p>
        </w:tc>
        <w:tc>
          <w:tcPr>
            <w:tcW w:w="4876" w:type="dxa"/>
          </w:tcPr>
          <w:p w:rsidR="003C1E67" w:rsidRPr="007530A8" w:rsidRDefault="007530A8" w:rsidP="00FC1640">
            <w:pPr>
              <w:pStyle w:val="Normal6a"/>
              <w:rPr>
                <w:b/>
                <w:i/>
              </w:rPr>
            </w:pPr>
            <w:r w:rsidRPr="007530A8">
              <w:rPr>
                <w:b/>
                <w:i/>
                <w:vertAlign w:val="superscript"/>
              </w:rPr>
              <w:t>1a.</w:t>
            </w:r>
            <w:r w:rsidRPr="007530A8">
              <w:rPr>
                <w:b/>
                <w:i/>
              </w:rPr>
              <w:tab/>
              <w:t>Europa-Parlamentets og Rådets forordning (EU) 2019/817 af 20. maj 2019 om fastsættels</w:t>
            </w:r>
            <w:r w:rsidRPr="007530A8">
              <w:rPr>
                <w:b/>
                <w:i/>
              </w:rPr>
              <w:t>e af en ramme for interoperabilitet mellem EU-informationssystemer vedrørende grænser og visum og om ændring af Europa-Parlamentets og Rådets forordning (EF) nr. 767/2008, (EU) 2016/399, (EU) 2017/2226, (EU) 2018/1240, (EU) 2018/1726 og (EU) 2018/1861, Råd</w:t>
            </w:r>
            <w:r w:rsidRPr="007530A8">
              <w:rPr>
                <w:b/>
                <w:i/>
              </w:rPr>
              <w:t>ets beslutning 2004/512/EF og Rådets afgørelse 2008/633/RIA (</w:t>
            </w:r>
            <w:r w:rsidRPr="007530A8">
              <w:rPr>
                <w:rStyle w:val="Emphasis"/>
                <w:b/>
              </w:rPr>
              <w:t>EUT L 135 af 22.5.2019, s. 27</w:t>
            </w:r>
            <w:r w:rsidRPr="007530A8">
              <w:rPr>
                <w:b/>
                <w:i/>
              </w:rPr>
              <w:t>).</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lastRenderedPageBreak/>
        <w:t>&lt;Amend&gt;</w:t>
      </w:r>
      <w:r w:rsidRPr="007530A8">
        <w:t>Ændringsforslag</w:t>
      </w:r>
      <w:r w:rsidRPr="007530A8">
        <w:tab/>
      </w:r>
      <w:r w:rsidRPr="007530A8">
        <w:tab/>
      </w:r>
      <w:r w:rsidRPr="007530A8">
        <w:rPr>
          <w:rStyle w:val="HideTWBExt"/>
          <w:b w:val="0"/>
          <w:noProof w:val="0"/>
        </w:rPr>
        <w:t>&lt;NumAm&gt;</w:t>
      </w:r>
      <w:r w:rsidRPr="007530A8">
        <w:t>5</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Henvisning 8</w:t>
      </w:r>
      <w:r w:rsidRPr="007530A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8)</w:t>
            </w:r>
            <w:r w:rsidRPr="007530A8">
              <w:tab/>
              <w:t xml:space="preserve">For at sikre, at målene for ETIAS fuldt ud nås, og for yderligere at fremme målene for Schengeninformationssystemet ("SIS") er det nødvendigt at medtage </w:t>
            </w:r>
            <w:r w:rsidRPr="007530A8">
              <w:rPr>
                <w:b/>
                <w:i/>
              </w:rPr>
              <w:t>en ny kategori</w:t>
            </w:r>
            <w:r w:rsidRPr="007530A8">
              <w:t xml:space="preserve"> af indberetninger, der blev indført ved den nylige ændring af SIS, nemlig indberetninger om personer, der er genstand for undersøgelseskontrol, i anvendelsesområdet for den automatiske kontrol.</w:t>
            </w:r>
          </w:p>
        </w:tc>
        <w:tc>
          <w:tcPr>
            <w:tcW w:w="4876" w:type="dxa"/>
          </w:tcPr>
          <w:p w:rsidR="003C1E67" w:rsidRPr="007530A8" w:rsidRDefault="007530A8" w:rsidP="00FC1640">
            <w:pPr>
              <w:pStyle w:val="Normal6a"/>
              <w:rPr>
                <w:szCs w:val="24"/>
              </w:rPr>
            </w:pPr>
            <w:r w:rsidRPr="007530A8">
              <w:t>(8)</w:t>
            </w:r>
            <w:r w:rsidRPr="007530A8">
              <w:tab/>
              <w:t>For at sikre, at målene for ETIAS fuldt ud nås, og for yd</w:t>
            </w:r>
            <w:r w:rsidRPr="007530A8">
              <w:t xml:space="preserve">erligere at fremme målene for Schengeninformationssystemet ("SIS") er det nødvendigt at medtage </w:t>
            </w:r>
            <w:r w:rsidRPr="007530A8">
              <w:rPr>
                <w:b/>
                <w:i/>
              </w:rPr>
              <w:t>nye kategorier</w:t>
            </w:r>
            <w:r w:rsidRPr="007530A8">
              <w:t xml:space="preserve"> af indberetninger, der blev indført ved den nylige ændring af SIS, nemlig indberetninger om personer, der er genstand for undersøgelseskontrol</w:t>
            </w:r>
            <w:r w:rsidRPr="007530A8">
              <w:rPr>
                <w:b/>
                <w:i/>
              </w:rPr>
              <w:t>, o</w:t>
            </w:r>
            <w:r w:rsidRPr="007530A8">
              <w:rPr>
                <w:b/>
                <w:i/>
              </w:rPr>
              <w:t>g indberetninger om tredjelandsstatsborgere, der er genstand for en afgørelse om tilbagesendelse</w:t>
            </w:r>
            <w:r w:rsidRPr="007530A8">
              <w:t>, i anvendelsesområdet for den automatiske kontrol.</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6</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w:t>
      </w:r>
      <w:r w:rsidRPr="007530A8">
        <w:t>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Henvisning 10</w:t>
      </w:r>
      <w:r w:rsidRPr="007530A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10)</w:t>
            </w:r>
            <w:r w:rsidRPr="007530A8">
              <w:tab/>
              <w:t xml:space="preserve">I overensstemmelse med Europa-Parlaments og Rådets forordning (EU) </w:t>
            </w:r>
            <w:r w:rsidRPr="007530A8">
              <w:rPr>
                <w:b/>
                <w:i/>
              </w:rPr>
              <w:t>2018</w:t>
            </w:r>
            <w:r w:rsidRPr="007530A8">
              <w:t>/</w:t>
            </w:r>
            <w:r w:rsidRPr="007530A8">
              <w:rPr>
                <w:b/>
                <w:i/>
              </w:rPr>
              <w:t xml:space="preserve">xxxx </w:t>
            </w:r>
            <w:r w:rsidRPr="007530A8">
              <w:rPr>
                <w:b/>
                <w:i/>
              </w:rPr>
              <w:cr/>
            </w:r>
            <w:r w:rsidRPr="007530A8">
              <w:rPr>
                <w:b/>
                <w:i/>
              </w:rPr>
              <w:br/>
            </w:r>
            <w:r w:rsidRPr="007530A8">
              <w:rPr>
                <w:b/>
                <w:i/>
                <w:vertAlign w:val="superscript"/>
              </w:rPr>
              <w:t>29</w:t>
            </w:r>
            <w:r w:rsidRPr="007530A8">
              <w:rPr>
                <w:b/>
                <w:i/>
              </w:rPr>
              <w:t xml:space="preserve">[ECRIS-TCN] </w:t>
            </w:r>
            <w:r w:rsidRPr="007530A8">
              <w:t>og i tråd med den hensigt, der kommer til udtryk i forordning (EU) 2018/1240, bør ETIAS kunne kontrollere, om der er sammenfald mellem data i ETIAS-ansøgningsmapper og data fra det europæiske informationssystem vedrørende strafferegistre – tredjelandsstats</w:t>
            </w:r>
            <w:r w:rsidRPr="007530A8">
              <w:t xml:space="preserve">borgere ("ECRIS-TCN") i det fælles identitetsregister </w:t>
            </w:r>
            <w:r w:rsidRPr="007530A8">
              <w:cr/>
            </w:r>
            <w:r w:rsidRPr="007530A8">
              <w:br/>
              <w:t xml:space="preserve">("CIR") om, hvilke medlemsstater der ligger inde med oplysninger om tidligere straffedomme afsagt over tredjelandsstatsborgere og statsløse </w:t>
            </w:r>
            <w:r w:rsidRPr="007530A8">
              <w:lastRenderedPageBreak/>
              <w:t>personer for en terrorhandling eller anden alvorlig strafbar</w:t>
            </w:r>
            <w:r w:rsidRPr="007530A8">
              <w:t xml:space="preserve"> handling.</w:t>
            </w:r>
            <w:r w:rsidRPr="007530A8">
              <w:rPr>
                <w:b/>
                <w:i/>
              </w:rPr>
              <w:cr/>
            </w:r>
            <w:r w:rsidRPr="007530A8">
              <w:rPr>
                <w:b/>
                <w:i/>
              </w:rPr>
              <w:br/>
            </w:r>
          </w:p>
        </w:tc>
        <w:tc>
          <w:tcPr>
            <w:tcW w:w="4876" w:type="dxa"/>
          </w:tcPr>
          <w:p w:rsidR="003C1E67" w:rsidRPr="007530A8" w:rsidRDefault="007530A8" w:rsidP="00FC1640">
            <w:pPr>
              <w:pStyle w:val="Normal6a"/>
              <w:rPr>
                <w:szCs w:val="24"/>
              </w:rPr>
            </w:pPr>
            <w:r w:rsidRPr="007530A8">
              <w:lastRenderedPageBreak/>
              <w:t>(10)</w:t>
            </w:r>
            <w:r w:rsidRPr="007530A8">
              <w:tab/>
              <w:t xml:space="preserve">I overensstemmelse med Europa-Parlaments og Rådets forordning (EU) </w:t>
            </w:r>
            <w:r w:rsidRPr="007530A8">
              <w:rPr>
                <w:b/>
                <w:i/>
              </w:rPr>
              <w:t>2019</w:t>
            </w:r>
            <w:r w:rsidRPr="007530A8">
              <w:t>/</w:t>
            </w:r>
            <w:r w:rsidRPr="007530A8">
              <w:rPr>
                <w:b/>
                <w:i/>
              </w:rPr>
              <w:t xml:space="preserve">816 </w:t>
            </w:r>
            <w:r w:rsidRPr="007530A8">
              <w:rPr>
                <w:b/>
                <w:i/>
              </w:rPr>
              <w:cr/>
            </w:r>
            <w:r w:rsidRPr="007530A8">
              <w:rPr>
                <w:b/>
                <w:i/>
              </w:rPr>
              <w:br/>
            </w:r>
            <w:r w:rsidRPr="007530A8">
              <w:t>og i tråd med den hensigt, der kommer til udtryk i forordning (EU) 2018/1240, bør ETIAS kunne kontrollere, om der er sammenfald mellem data i ETIAS-ansøgningsma</w:t>
            </w:r>
            <w:r w:rsidRPr="007530A8">
              <w:t xml:space="preserve">pper og data fra det europæiske informationssystem vedrørende strafferegistre – tredjelandsstatsborgere ("ECRIS-TCN") i det fælles identitetsregister </w:t>
            </w:r>
            <w:r w:rsidRPr="007530A8">
              <w:cr/>
            </w:r>
            <w:r w:rsidRPr="007530A8">
              <w:br/>
              <w:t>("CIR") om, hvilke medlemsstater der ligger inde med oplysninger om tidligere straffedomme afsagt over t</w:t>
            </w:r>
            <w:r w:rsidRPr="007530A8">
              <w:t xml:space="preserve">redjelandsstatsborgere og statsløse </w:t>
            </w:r>
            <w:r w:rsidRPr="007530A8">
              <w:lastRenderedPageBreak/>
              <w:t>personer for en terrorhandling eller anden alvorlig strafbar handling.</w:t>
            </w:r>
          </w:p>
        </w:tc>
      </w:tr>
      <w:tr w:rsidR="006743F5" w:rsidRPr="007530A8" w:rsidTr="00FC1640">
        <w:trPr>
          <w:jc w:val="center"/>
        </w:trPr>
        <w:tc>
          <w:tcPr>
            <w:tcW w:w="4876" w:type="dxa"/>
          </w:tcPr>
          <w:p w:rsidR="003C1E67" w:rsidRPr="007530A8" w:rsidRDefault="007530A8" w:rsidP="00FC1640">
            <w:pPr>
              <w:pStyle w:val="Normal6a"/>
            </w:pPr>
            <w:r w:rsidRPr="007530A8">
              <w:lastRenderedPageBreak/>
              <w:t>_________________</w:t>
            </w:r>
          </w:p>
        </w:tc>
        <w:tc>
          <w:tcPr>
            <w:tcW w:w="4876" w:type="dxa"/>
          </w:tcPr>
          <w:p w:rsidR="003C1E67" w:rsidRPr="007530A8" w:rsidRDefault="007530A8" w:rsidP="00FC1640">
            <w:pPr>
              <w:pStyle w:val="Normal6a"/>
            </w:pPr>
            <w:r w:rsidRPr="007530A8">
              <w:t>_________________</w:t>
            </w:r>
          </w:p>
        </w:tc>
      </w:tr>
      <w:tr w:rsidR="006743F5" w:rsidRPr="007530A8" w:rsidTr="00FC1640">
        <w:trPr>
          <w:jc w:val="center"/>
        </w:trPr>
        <w:tc>
          <w:tcPr>
            <w:tcW w:w="4876" w:type="dxa"/>
          </w:tcPr>
          <w:p w:rsidR="003C1E67" w:rsidRPr="007530A8" w:rsidRDefault="007530A8" w:rsidP="00FC1640">
            <w:pPr>
              <w:pStyle w:val="Normal6a"/>
              <w:rPr>
                <w:b/>
                <w:i/>
              </w:rPr>
            </w:pPr>
            <w:r w:rsidRPr="007530A8">
              <w:rPr>
                <w:b/>
                <w:i/>
                <w:vertAlign w:val="superscript"/>
              </w:rPr>
              <w:t>29</w:t>
            </w:r>
            <w:r w:rsidRPr="007530A8">
              <w:rPr>
                <w:b/>
                <w:i/>
              </w:rPr>
              <w:tab/>
              <w:t xml:space="preserve">[Europa-Parlamentets og Rådets forordning (EU) YYYY/xx … (EUT L af , s. )]. </w:t>
            </w:r>
          </w:p>
        </w:tc>
        <w:tc>
          <w:tcPr>
            <w:tcW w:w="4876" w:type="dxa"/>
          </w:tcPr>
          <w:p w:rsidR="003C1E67" w:rsidRPr="007530A8" w:rsidRDefault="003C1E67" w:rsidP="00FC1640">
            <w:pPr>
              <w:pStyle w:val="Normal6a"/>
            </w:pP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7</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Betragtning 10 a (ny)</w:t>
      </w:r>
      <w:r w:rsidRPr="007530A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3C1E67" w:rsidP="00FC1640">
            <w:pPr>
              <w:pStyle w:val="Normal6a"/>
            </w:pPr>
          </w:p>
        </w:tc>
        <w:tc>
          <w:tcPr>
            <w:tcW w:w="4876" w:type="dxa"/>
          </w:tcPr>
          <w:p w:rsidR="003C1E67" w:rsidRPr="007530A8" w:rsidRDefault="007530A8" w:rsidP="00FC1640">
            <w:pPr>
              <w:pStyle w:val="Normal6a"/>
              <w:rPr>
                <w:b/>
                <w:i/>
                <w:szCs w:val="24"/>
              </w:rPr>
            </w:pPr>
            <w:r w:rsidRPr="007530A8">
              <w:rPr>
                <w:b/>
                <w:i/>
              </w:rPr>
              <w:t>(10a)</w:t>
            </w:r>
            <w:r w:rsidRPr="007530A8">
              <w:rPr>
                <w:b/>
                <w:i/>
              </w:rPr>
              <w:tab/>
              <w:t>Etableringen af interoperabilitet mellem ETIAS og ECRIS-TCN b</w:t>
            </w:r>
            <w:r w:rsidRPr="007530A8">
              <w:rPr>
                <w:b/>
                <w:i/>
              </w:rPr>
              <w:t>ør ikke føre til, at de nationale myndigheder øger de kategorier af personoplysninger, som de medtager i deres strafferegister.</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8</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Henvisning 22</w:t>
      </w:r>
      <w:r w:rsidRPr="007530A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22)</w:t>
            </w:r>
            <w:r w:rsidRPr="007530A8">
              <w:tab/>
              <w:t xml:space="preserve">Europa-Parlamentets og Rådets forordning (EU) 2018/1862 (SIS - politi) og (EU) </w:t>
            </w:r>
            <w:r w:rsidRPr="007530A8">
              <w:rPr>
                <w:b/>
                <w:i/>
              </w:rPr>
              <w:t>yyyy</w:t>
            </w:r>
            <w:r w:rsidRPr="007530A8">
              <w:t>/</w:t>
            </w:r>
            <w:r w:rsidRPr="007530A8">
              <w:rPr>
                <w:b/>
                <w:i/>
              </w:rPr>
              <w:t>xxx [ECRIS-TCN]</w:t>
            </w:r>
            <w:r w:rsidRPr="007530A8">
              <w:t xml:space="preserve"> bør derfor ændres.</w:t>
            </w:r>
          </w:p>
        </w:tc>
        <w:tc>
          <w:tcPr>
            <w:tcW w:w="4876" w:type="dxa"/>
          </w:tcPr>
          <w:p w:rsidR="003C1E67" w:rsidRPr="007530A8" w:rsidRDefault="007530A8" w:rsidP="00FC1640">
            <w:pPr>
              <w:pStyle w:val="Normal6a"/>
              <w:rPr>
                <w:szCs w:val="24"/>
              </w:rPr>
            </w:pPr>
            <w:r w:rsidRPr="007530A8">
              <w:t>(22)</w:t>
            </w:r>
            <w:r w:rsidRPr="007530A8">
              <w:tab/>
            </w:r>
            <w:r w:rsidRPr="007530A8">
              <w:t xml:space="preserve">Europa-Parlamentets og Rådets forordning (EU) 2018/1862 (SIS - politi) og (EU) </w:t>
            </w:r>
            <w:r w:rsidRPr="007530A8">
              <w:rPr>
                <w:b/>
                <w:i/>
              </w:rPr>
              <w:t>2019</w:t>
            </w:r>
            <w:r w:rsidRPr="007530A8">
              <w:t>/</w:t>
            </w:r>
            <w:r w:rsidRPr="007530A8">
              <w:rPr>
                <w:b/>
                <w:i/>
              </w:rPr>
              <w:t>816</w:t>
            </w:r>
            <w:r w:rsidRPr="007530A8">
              <w:t xml:space="preserve"> bør derfor ændres.</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lastRenderedPageBreak/>
        <w:t>&lt;Amend&gt;</w:t>
      </w:r>
      <w:r w:rsidRPr="007530A8">
        <w:t>Ændringsforslag</w:t>
      </w:r>
      <w:r w:rsidRPr="007530A8">
        <w:tab/>
      </w:r>
      <w:r w:rsidRPr="007530A8">
        <w:tab/>
      </w:r>
      <w:r w:rsidRPr="007530A8">
        <w:rPr>
          <w:rStyle w:val="HideTWBExt"/>
          <w:b w:val="0"/>
          <w:noProof w:val="0"/>
        </w:rPr>
        <w:t>&lt;NumAm&gt;</w:t>
      </w:r>
      <w:r w:rsidRPr="007530A8">
        <w:t>9</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 xml:space="preserve">Artikel 1 – </w:t>
      </w:r>
      <w:r w:rsidRPr="007530A8">
        <w:t>nr. 2</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8/1862</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44 – stk. 1 – litra f</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rPr>
                <w:b/>
                <w:i/>
              </w:rPr>
              <w:t>f</w:t>
            </w:r>
            <w:r w:rsidRPr="007530A8">
              <w:t>)</w:t>
            </w:r>
            <w:r w:rsidRPr="007530A8">
              <w:tab/>
              <w:t xml:space="preserve">den nationale ETIAS-enheds manuelle behandling af ETIAS-ansøgninger, jf. </w:t>
            </w:r>
            <w:r w:rsidRPr="007530A8">
              <w:rPr>
                <w:b/>
                <w:i/>
              </w:rPr>
              <w:cr/>
            </w:r>
            <w:r w:rsidRPr="007530A8">
              <w:rPr>
                <w:b/>
                <w:i/>
              </w:rPr>
              <w:br/>
            </w:r>
            <w:r w:rsidRPr="007530A8">
              <w:t xml:space="preserve">artikel 8 i </w:t>
            </w:r>
            <w:r w:rsidRPr="007530A8">
              <w:t>forordning (EU) 2018/1240.</w:t>
            </w:r>
          </w:p>
        </w:tc>
        <w:tc>
          <w:tcPr>
            <w:tcW w:w="4876" w:type="dxa"/>
          </w:tcPr>
          <w:p w:rsidR="003C1E67" w:rsidRPr="007530A8" w:rsidRDefault="007530A8" w:rsidP="00FC1640">
            <w:pPr>
              <w:pStyle w:val="Normal6a"/>
              <w:rPr>
                <w:szCs w:val="24"/>
              </w:rPr>
            </w:pPr>
            <w:r w:rsidRPr="007530A8">
              <w:rPr>
                <w:b/>
                <w:i/>
              </w:rPr>
              <w:t>g</w:t>
            </w:r>
            <w:r w:rsidRPr="007530A8">
              <w:t>)</w:t>
            </w:r>
            <w:r w:rsidRPr="007530A8">
              <w:tab/>
              <w:t>den nationale ETIAS-enheds manuelle behandling af ETIAS-ansøgninger, jf. artikel 8 i forordning (EU) 2018/1240.</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10</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w:t>
      </w:r>
      <w:r w:rsidRPr="007530A8">
        <w:t>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1 – nr. 3</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8/1862</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50a – stk. 1</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1.</w:t>
            </w:r>
            <w:r w:rsidRPr="007530A8">
              <w:tab/>
              <w:t xml:space="preserve">Den centrale ETIAS-enhed, der blev oprettet i Det Europæiske Agentur </w:t>
            </w:r>
            <w:r w:rsidRPr="007530A8">
              <w:t>for Grænse- og Kystbevogtning, jf. artikel 7 i forordning (EU) 2018/1240, har med henblik på at udføre de opgaver, der er pålagt den ved forordning (EU) 2018/1240, ret til at få adgang til og søge i relevante oplysninger i SIS. Artikel 50, stk. 4-8, i nærv</w:t>
            </w:r>
            <w:r w:rsidRPr="007530A8">
              <w:t>ærende forordning finder anvendelse på denne adgang og søgning.</w:t>
            </w:r>
          </w:p>
        </w:tc>
        <w:tc>
          <w:tcPr>
            <w:tcW w:w="4876" w:type="dxa"/>
          </w:tcPr>
          <w:p w:rsidR="003C1E67" w:rsidRPr="007530A8" w:rsidRDefault="007530A8" w:rsidP="00FC1640">
            <w:pPr>
              <w:pStyle w:val="Normal6a"/>
              <w:rPr>
                <w:szCs w:val="24"/>
              </w:rPr>
            </w:pPr>
            <w:r w:rsidRPr="007530A8">
              <w:t>1.</w:t>
            </w:r>
            <w:r w:rsidRPr="007530A8">
              <w:tab/>
              <w:t>Den centrale ETIAS-enhed, der blev oprettet i Det Europæiske Agentur for Grænse- og Kystbevogtning, jf. artikel 7 i forordning (EU) 2018/1240, har med henblik på at udføre de opgaver, der e</w:t>
            </w:r>
            <w:r w:rsidRPr="007530A8">
              <w:t>r pålagt den ved forordning (EU) 2018/1240, ret til at få adgang til og søge i relevante oplysninger i SIS</w:t>
            </w:r>
            <w:r w:rsidRPr="007530A8">
              <w:rPr>
                <w:b/>
                <w:i/>
              </w:rPr>
              <w:t>, jf. nævnte forordnings artikel 11, stk. 8</w:t>
            </w:r>
            <w:r w:rsidRPr="007530A8">
              <w:t>. Artikel 50, stk. 4-8, i nærværende forordning finder anvendelse på denne adgang og søgning.</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w:t>
      </w:r>
      <w:r w:rsidRPr="007530A8">
        <w:rPr>
          <w:rStyle w:val="HideTWBExt"/>
          <w:rFonts w:eastAsiaTheme="majorEastAsia"/>
          <w:noProof w:val="0"/>
        </w:rPr>
        <w:t>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002C3D32" w:rsidRPr="007530A8">
        <w:t>Ændringsforslag</w:t>
      </w:r>
      <w:r w:rsidRPr="007530A8">
        <w:tab/>
      </w:r>
      <w:r w:rsidRPr="007530A8">
        <w:tab/>
      </w:r>
      <w:r w:rsidRPr="007530A8">
        <w:rPr>
          <w:rStyle w:val="HideTWBExt"/>
          <w:b w:val="0"/>
          <w:noProof w:val="0"/>
        </w:rPr>
        <w:t>&lt;NumAm&gt;</w:t>
      </w:r>
      <w:r w:rsidRPr="007530A8">
        <w:t>11</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1 – nr. 3</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8/1862</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50a – stk. 2</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 xml:space="preserve">Kommissionens </w:t>
            </w:r>
            <w:r w:rsidRPr="007530A8">
              <w:t>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2.</w:t>
            </w:r>
            <w:r w:rsidRPr="007530A8">
              <w:tab/>
              <w:t>Hvis den centrale ETIAS-enheds kontrol bekræfter overensstemmelsen mellem oplysningerne i en ETIAS-ansøgningsmappe og en indberetning i SIS, finder artikel 23, 24 og 26 i forordning (EU) 2018/1240 anvendelse.</w:t>
            </w:r>
          </w:p>
        </w:tc>
        <w:tc>
          <w:tcPr>
            <w:tcW w:w="4876" w:type="dxa"/>
          </w:tcPr>
          <w:p w:rsidR="003C1E67" w:rsidRPr="007530A8" w:rsidRDefault="007530A8" w:rsidP="00FC1640">
            <w:pPr>
              <w:pStyle w:val="Normal6a"/>
              <w:rPr>
                <w:szCs w:val="24"/>
              </w:rPr>
            </w:pPr>
            <w:r w:rsidRPr="007530A8">
              <w:t>2.</w:t>
            </w:r>
            <w:r w:rsidRPr="007530A8">
              <w:tab/>
              <w:t>Hvis den central</w:t>
            </w:r>
            <w:r w:rsidRPr="007530A8">
              <w:t>e ETIAS-enheds kontrol</w:t>
            </w:r>
            <w:r w:rsidRPr="007530A8">
              <w:rPr>
                <w:b/>
                <w:i/>
              </w:rPr>
              <w:t xml:space="preserve"> i overensstemmelse med artikel 22 og artikel 23, stk. 2, i forordning (EU) 2018/1240</w:t>
            </w:r>
            <w:r w:rsidRPr="007530A8">
              <w:t xml:space="preserve"> bekræfter overensstemmelsen mellem oplysningerne i en ETIAS-ansøgningsmappe og en indberetning i SIS, </w:t>
            </w:r>
            <w:r w:rsidRPr="007530A8">
              <w:rPr>
                <w:b/>
                <w:i/>
              </w:rPr>
              <w:t>eller hvis der fortsat er tvivl,</w:t>
            </w:r>
            <w:r w:rsidRPr="007530A8">
              <w:t xml:space="preserve"> finder artike</w:t>
            </w:r>
            <w:r w:rsidRPr="007530A8">
              <w:t>l 23, 24 og 26 i forordning (EU) 2018/1240 anvendelse.</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12</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1 – nr. 3</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8/1862</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50b – stk. 1</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1.</w:t>
            </w:r>
            <w:r w:rsidRPr="007530A8">
              <w:tab/>
              <w:t>Fra idriftsættelsen af ETIAS, jf. artikel</w:t>
            </w:r>
            <w:r w:rsidRPr="007530A8">
              <w:rPr>
                <w:b/>
                <w:i/>
              </w:rPr>
              <w:t xml:space="preserve"> </w:t>
            </w:r>
            <w:r w:rsidRPr="007530A8">
              <w:t>88, stk.</w:t>
            </w:r>
            <w:r w:rsidRPr="007530A8">
              <w:rPr>
                <w:b/>
                <w:i/>
              </w:rPr>
              <w:t xml:space="preserve"> </w:t>
            </w:r>
            <w:r w:rsidRPr="007530A8">
              <w:t xml:space="preserve">1, i forordning (EU) 2018/1240, kobles det centrale system i SIS til </w:t>
            </w:r>
            <w:r w:rsidRPr="007530A8">
              <w:rPr>
                <w:b/>
                <w:i/>
              </w:rPr>
              <w:t>det redskab, der er omhandlet i artik</w:t>
            </w:r>
            <w:r w:rsidRPr="007530A8">
              <w:rPr>
                <w:b/>
                <w:i/>
              </w:rPr>
              <w:t>el 11 i forordning (EU) 2018/1240</w:t>
            </w:r>
            <w:r w:rsidRPr="007530A8">
              <w:t xml:space="preserve"> for at muliggøre den automatiserede behandling, der er omhandlet i </w:t>
            </w:r>
            <w:r w:rsidRPr="007530A8">
              <w:rPr>
                <w:b/>
                <w:i/>
              </w:rPr>
              <w:t xml:space="preserve">nævnte </w:t>
            </w:r>
            <w:r w:rsidRPr="007530A8">
              <w:t>artikel.</w:t>
            </w:r>
          </w:p>
        </w:tc>
        <w:tc>
          <w:tcPr>
            <w:tcW w:w="4876" w:type="dxa"/>
          </w:tcPr>
          <w:p w:rsidR="003C1E67" w:rsidRPr="007530A8" w:rsidRDefault="007530A8" w:rsidP="00FC1640">
            <w:pPr>
              <w:pStyle w:val="Normal6a"/>
              <w:rPr>
                <w:szCs w:val="24"/>
              </w:rPr>
            </w:pPr>
            <w:r w:rsidRPr="007530A8">
              <w:t>1.</w:t>
            </w:r>
            <w:r w:rsidRPr="007530A8">
              <w:tab/>
              <w:t>Fra idriftsættelsen af ETIAS, jf. artikel</w:t>
            </w:r>
            <w:r w:rsidRPr="007530A8">
              <w:rPr>
                <w:b/>
                <w:i/>
              </w:rPr>
              <w:t> </w:t>
            </w:r>
            <w:r w:rsidRPr="007530A8">
              <w:t>88, stk.</w:t>
            </w:r>
            <w:r w:rsidRPr="007530A8">
              <w:rPr>
                <w:b/>
                <w:i/>
              </w:rPr>
              <w:t> </w:t>
            </w:r>
            <w:r w:rsidRPr="007530A8">
              <w:t xml:space="preserve">1, i forordning (EU) 2018/1240, kobles det centrale system i SIS til </w:t>
            </w:r>
            <w:r w:rsidRPr="007530A8">
              <w:rPr>
                <w:b/>
                <w:i/>
              </w:rPr>
              <w:t>ESP</w:t>
            </w:r>
            <w:r w:rsidRPr="007530A8">
              <w:t xml:space="preserve"> for at mulig</w:t>
            </w:r>
            <w:r w:rsidRPr="007530A8">
              <w:t>gøre den automatiserede behandling, der er omhandlet i artikel</w:t>
            </w:r>
            <w:r w:rsidRPr="007530A8">
              <w:rPr>
                <w:b/>
                <w:i/>
              </w:rPr>
              <w:t xml:space="preserve"> 11</w:t>
            </w:r>
            <w:r w:rsidRPr="007530A8">
              <w:t>.</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13</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1 – nr. 3</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 xml:space="preserve">Forordning </w:t>
      </w:r>
      <w:r w:rsidRPr="007530A8">
        <w:rPr>
          <w:bCs/>
        </w:rPr>
        <w:t>(EU) 2018/1862</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50b – stk. 3</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3.</w:t>
            </w:r>
            <w:r w:rsidRPr="007530A8">
              <w:tab/>
              <w:t xml:space="preserve">For at kunne foretage den kontrol, </w:t>
            </w:r>
            <w:r w:rsidRPr="007530A8">
              <w:lastRenderedPageBreak/>
              <w:t>der er omhandlet i artikel</w:t>
            </w:r>
            <w:r w:rsidRPr="007530A8">
              <w:rPr>
                <w:b/>
                <w:i/>
              </w:rPr>
              <w:t xml:space="preserve"> </w:t>
            </w:r>
            <w:r w:rsidRPr="007530A8">
              <w:t>20, stk.</w:t>
            </w:r>
            <w:r w:rsidRPr="007530A8">
              <w:rPr>
                <w:b/>
                <w:i/>
              </w:rPr>
              <w:t xml:space="preserve"> </w:t>
            </w:r>
            <w:r w:rsidRPr="007530A8">
              <w:t>2, litra</w:t>
            </w:r>
            <w:r w:rsidRPr="007530A8">
              <w:rPr>
                <w:b/>
                <w:i/>
              </w:rPr>
              <w:t xml:space="preserve"> </w:t>
            </w:r>
            <w:r w:rsidRPr="007530A8">
              <w:t xml:space="preserve">a) og </w:t>
            </w:r>
            <w:r w:rsidRPr="007530A8">
              <w:rPr>
                <w:b/>
                <w:i/>
              </w:rPr>
              <w:t>d</w:t>
            </w:r>
            <w:r w:rsidRPr="007530A8">
              <w:t>), artikel</w:t>
            </w:r>
            <w:r w:rsidRPr="007530A8">
              <w:rPr>
                <w:b/>
                <w:i/>
              </w:rPr>
              <w:t xml:space="preserve"> 20</w:t>
            </w:r>
            <w:r w:rsidRPr="007530A8">
              <w:t>, stk.</w:t>
            </w:r>
            <w:r w:rsidRPr="007530A8">
              <w:rPr>
                <w:b/>
                <w:i/>
              </w:rPr>
              <w:t xml:space="preserve"> 2</w:t>
            </w:r>
            <w:r w:rsidRPr="007530A8">
              <w:t>, litra</w:t>
            </w:r>
            <w:r w:rsidRPr="007530A8">
              <w:rPr>
                <w:b/>
                <w:i/>
              </w:rPr>
              <w:t xml:space="preserve"> m</w:t>
            </w:r>
            <w:r w:rsidRPr="007530A8">
              <w:t>), nr.</w:t>
            </w:r>
            <w:r w:rsidRPr="007530A8">
              <w:rPr>
                <w:b/>
                <w:i/>
              </w:rPr>
              <w:t xml:space="preserve"> </w:t>
            </w:r>
            <w:r w:rsidRPr="007530A8">
              <w:t>ii), og artikel</w:t>
            </w:r>
            <w:r w:rsidRPr="007530A8">
              <w:rPr>
                <w:b/>
                <w:i/>
              </w:rPr>
              <w:t xml:space="preserve"> 23</w:t>
            </w:r>
            <w:r w:rsidRPr="007530A8">
              <w:t xml:space="preserve"> </w:t>
            </w:r>
            <w:r w:rsidRPr="007530A8">
              <w:t xml:space="preserve">i forordning (EU) 2018/1240, anvender det centrale ETIAS-system </w:t>
            </w:r>
            <w:r w:rsidRPr="007530A8">
              <w:rPr>
                <w:b/>
                <w:i/>
              </w:rPr>
              <w:t>det værktøj, der er omhandlet i nævnte forordnings artikel 11,</w:t>
            </w:r>
            <w:r w:rsidRPr="007530A8">
              <w:t xml:space="preserve"> til at sammenligne de oplysninger, der er omhandlet i artikel</w:t>
            </w:r>
            <w:r w:rsidRPr="007530A8">
              <w:rPr>
                <w:b/>
                <w:i/>
              </w:rPr>
              <w:t xml:space="preserve"> </w:t>
            </w:r>
            <w:r w:rsidRPr="007530A8">
              <w:t>11, stk.</w:t>
            </w:r>
            <w:r w:rsidRPr="007530A8">
              <w:rPr>
                <w:b/>
                <w:i/>
              </w:rPr>
              <w:t xml:space="preserve"> </w:t>
            </w:r>
            <w:r w:rsidRPr="007530A8">
              <w:t>5, i forordning (EU) 2018/1240, med oplysninger i SIS, jf.</w:t>
            </w:r>
            <w:r w:rsidRPr="007530A8">
              <w:t xml:space="preserve"> nævnte forordnings artikel</w:t>
            </w:r>
            <w:r w:rsidRPr="007530A8">
              <w:rPr>
                <w:b/>
                <w:i/>
              </w:rPr>
              <w:t xml:space="preserve"> </w:t>
            </w:r>
            <w:r w:rsidRPr="007530A8">
              <w:t>11, stk.</w:t>
            </w:r>
            <w:r w:rsidRPr="007530A8">
              <w:rPr>
                <w:b/>
                <w:i/>
              </w:rPr>
              <w:t xml:space="preserve"> </w:t>
            </w:r>
            <w:r w:rsidRPr="007530A8">
              <w:t>8.</w:t>
            </w:r>
          </w:p>
        </w:tc>
        <w:tc>
          <w:tcPr>
            <w:tcW w:w="4876" w:type="dxa"/>
          </w:tcPr>
          <w:p w:rsidR="003C1E67" w:rsidRPr="007530A8" w:rsidRDefault="007530A8" w:rsidP="00FC1640">
            <w:pPr>
              <w:pStyle w:val="Normal6a"/>
              <w:rPr>
                <w:szCs w:val="24"/>
              </w:rPr>
            </w:pPr>
            <w:r w:rsidRPr="007530A8">
              <w:lastRenderedPageBreak/>
              <w:t>3.</w:t>
            </w:r>
            <w:r w:rsidRPr="007530A8">
              <w:tab/>
              <w:t xml:space="preserve">For at kunne foretage den kontrol, </w:t>
            </w:r>
            <w:r w:rsidRPr="007530A8">
              <w:lastRenderedPageBreak/>
              <w:t>der er omhandlet i artikel</w:t>
            </w:r>
            <w:r w:rsidRPr="007530A8">
              <w:rPr>
                <w:b/>
                <w:i/>
              </w:rPr>
              <w:t> </w:t>
            </w:r>
            <w:r w:rsidRPr="007530A8">
              <w:t>20, stk.</w:t>
            </w:r>
            <w:r w:rsidRPr="007530A8">
              <w:rPr>
                <w:b/>
                <w:i/>
              </w:rPr>
              <w:t> </w:t>
            </w:r>
            <w:r w:rsidRPr="007530A8">
              <w:t>2, litra</w:t>
            </w:r>
            <w:r w:rsidRPr="007530A8">
              <w:rPr>
                <w:b/>
                <w:i/>
              </w:rPr>
              <w:t> </w:t>
            </w:r>
            <w:r w:rsidRPr="007530A8">
              <w:t>a</w:t>
            </w:r>
            <w:r w:rsidRPr="007530A8">
              <w:rPr>
                <w:b/>
                <w:i/>
              </w:rPr>
              <w:t>), litra d</w:t>
            </w:r>
            <w:r w:rsidRPr="007530A8">
              <w:t xml:space="preserve">) og </w:t>
            </w:r>
            <w:r w:rsidRPr="007530A8">
              <w:rPr>
                <w:b/>
                <w:i/>
              </w:rPr>
              <w:t>litra m), nr. i</w:t>
            </w:r>
            <w:r w:rsidRPr="007530A8">
              <w:t>), artikel</w:t>
            </w:r>
            <w:r w:rsidRPr="007530A8">
              <w:rPr>
                <w:b/>
                <w:i/>
              </w:rPr>
              <w:t> 23, stk. 1, artikel 24</w:t>
            </w:r>
            <w:r w:rsidRPr="007530A8">
              <w:t>, stk.</w:t>
            </w:r>
            <w:r w:rsidRPr="007530A8">
              <w:rPr>
                <w:b/>
                <w:i/>
              </w:rPr>
              <w:t> 6</w:t>
            </w:r>
            <w:r w:rsidRPr="007530A8">
              <w:t>,</w:t>
            </w:r>
            <w:r w:rsidR="002C3D32" w:rsidRPr="007530A8">
              <w:rPr>
                <w:b/>
                <w:i/>
              </w:rPr>
              <w:t xml:space="preserve"> </w:t>
            </w:r>
            <w:r w:rsidRPr="007530A8">
              <w:t>litra</w:t>
            </w:r>
            <w:r w:rsidRPr="007530A8">
              <w:rPr>
                <w:b/>
                <w:i/>
              </w:rPr>
              <w:t> c</w:t>
            </w:r>
            <w:r w:rsidRPr="007530A8">
              <w:t>), nr.</w:t>
            </w:r>
            <w:r w:rsidRPr="007530A8">
              <w:rPr>
                <w:b/>
                <w:i/>
              </w:rPr>
              <w:t> </w:t>
            </w:r>
            <w:r w:rsidRPr="007530A8">
              <w:t>ii), og artikel</w:t>
            </w:r>
            <w:r w:rsidRPr="007530A8">
              <w:rPr>
                <w:b/>
                <w:i/>
              </w:rPr>
              <w:t> 54, stk. 1, litra b),</w:t>
            </w:r>
            <w:r w:rsidRPr="007530A8">
              <w:t xml:space="preserve"> i foro</w:t>
            </w:r>
            <w:r w:rsidRPr="007530A8">
              <w:t xml:space="preserve">rdning (EU) 2018/1240, anvender det centrale ETIAS-system </w:t>
            </w:r>
            <w:r w:rsidRPr="007530A8">
              <w:rPr>
                <w:b/>
                <w:i/>
              </w:rPr>
              <w:t>ESP</w:t>
            </w:r>
            <w:r w:rsidRPr="007530A8">
              <w:t xml:space="preserve"> til at sammenligne de oplysninger, der er omhandlet i artikel</w:t>
            </w:r>
            <w:r w:rsidRPr="007530A8">
              <w:rPr>
                <w:b/>
                <w:i/>
              </w:rPr>
              <w:t> </w:t>
            </w:r>
            <w:r w:rsidRPr="007530A8">
              <w:t>11, stk.</w:t>
            </w:r>
            <w:r w:rsidRPr="007530A8">
              <w:rPr>
                <w:b/>
                <w:i/>
              </w:rPr>
              <w:t> </w:t>
            </w:r>
            <w:r w:rsidRPr="007530A8">
              <w:t>5, i forordning (EU) 2018/1240, med oplysninger i SIS, jf. nævnte forordnings artikel</w:t>
            </w:r>
            <w:r w:rsidRPr="007530A8">
              <w:rPr>
                <w:b/>
                <w:i/>
              </w:rPr>
              <w:t> </w:t>
            </w:r>
            <w:r w:rsidRPr="007530A8">
              <w:t>11, stk.</w:t>
            </w:r>
            <w:r w:rsidRPr="007530A8">
              <w:rPr>
                <w:b/>
                <w:i/>
              </w:rPr>
              <w:t> </w:t>
            </w:r>
            <w:r w:rsidRPr="007530A8">
              <w:t>8.</w:t>
            </w:r>
          </w:p>
        </w:tc>
      </w:tr>
    </w:tbl>
    <w:p w:rsidR="003C1E67" w:rsidRPr="007530A8" w:rsidRDefault="007530A8" w:rsidP="003C1E67">
      <w:pPr>
        <w:pStyle w:val="AmOrLang"/>
      </w:pPr>
      <w:r w:rsidRPr="007530A8">
        <w:lastRenderedPageBreak/>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14</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1 – nr. 3</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8/1862</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50b – stk. 4 – afsnit 2</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w:t>
            </w:r>
            <w:r w:rsidRPr="007530A8">
              <w:t>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Hvis der foretages en ny indberetning, jf. artikel 41, stk. 3, i forordning (EU) 2018/1240, i SIS om, at et rejsedokument er meldt stjålet, uretmæssigt tilegnet, bortkommet eller ugyldiggjort, overfører SIS oplysningerne om denne indberetning ved brug af d</w:t>
            </w:r>
            <w:r w:rsidRPr="007530A8">
              <w:t xml:space="preserve">en automatiserede behandling og </w:t>
            </w:r>
            <w:r w:rsidRPr="007530A8">
              <w:rPr>
                <w:b/>
                <w:i/>
              </w:rPr>
              <w:t>det værktøj, der er omhandlet i nævnte forordnings artikel 11,</w:t>
            </w:r>
            <w:r w:rsidRPr="007530A8">
              <w:t xml:space="preserve"> til det centrale ETIAS-system for at kontrollere, om denne nye indberetning svarer til en eksisterende rejsetilladelse."</w:t>
            </w:r>
          </w:p>
        </w:tc>
        <w:tc>
          <w:tcPr>
            <w:tcW w:w="4876" w:type="dxa"/>
          </w:tcPr>
          <w:p w:rsidR="003C1E67" w:rsidRPr="007530A8" w:rsidRDefault="007530A8" w:rsidP="00FC1640">
            <w:pPr>
              <w:pStyle w:val="Normal6a"/>
            </w:pPr>
            <w:r w:rsidRPr="007530A8">
              <w:t>Hvis der foretages en ny indberetning, j</w:t>
            </w:r>
            <w:r w:rsidRPr="007530A8">
              <w:t xml:space="preserve">f. artikel 41, stk. 3, i forordning (EU) 2018/1240, i SIS om, at et rejsedokument er meldt stjålet, uretmæssigt tilegnet, bortkommet eller ugyldiggjort, overfører SIS oplysningerne om denne indberetning ved brug af den automatiserede behandling og </w:t>
            </w:r>
            <w:r w:rsidRPr="007530A8">
              <w:rPr>
                <w:b/>
                <w:i/>
              </w:rPr>
              <w:t>ESP</w:t>
            </w:r>
            <w:r w:rsidRPr="007530A8">
              <w:t xml:space="preserve"> til </w:t>
            </w:r>
            <w:r w:rsidRPr="007530A8">
              <w:t>det centrale ETIAS-system for at kontrollere, om denne nye indberetning svarer til en eksisterende rejsetilladelse."</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15</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w:t>
      </w:r>
      <w:r w:rsidRPr="007530A8">
        <w:t>tikel 2 – overskrift</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rPr>
          <w:bCs/>
          <w:vanish/>
        </w:rPr>
        <w:t>Title</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rPr>
                <w:bCs/>
              </w:rPr>
              <w:t xml:space="preserve">Ændringer til forordning (EU) </w:t>
            </w:r>
            <w:r w:rsidRPr="007530A8">
              <w:rPr>
                <w:b/>
                <w:bCs/>
                <w:i/>
              </w:rPr>
              <w:t>yyyy</w:t>
            </w:r>
            <w:r w:rsidRPr="007530A8">
              <w:rPr>
                <w:bCs/>
              </w:rPr>
              <w:t>/</w:t>
            </w:r>
            <w:r w:rsidRPr="007530A8">
              <w:rPr>
                <w:b/>
                <w:bCs/>
                <w:i/>
              </w:rPr>
              <w:t>xxxx [ECRIS-TCN]</w:t>
            </w:r>
          </w:p>
        </w:tc>
        <w:tc>
          <w:tcPr>
            <w:tcW w:w="4876" w:type="dxa"/>
          </w:tcPr>
          <w:p w:rsidR="003C1E67" w:rsidRPr="007530A8" w:rsidRDefault="007530A8" w:rsidP="00FC1640">
            <w:pPr>
              <w:pStyle w:val="Normal6a"/>
              <w:rPr>
                <w:szCs w:val="24"/>
              </w:rPr>
            </w:pPr>
            <w:r w:rsidRPr="007530A8">
              <w:rPr>
                <w:bCs/>
              </w:rPr>
              <w:t xml:space="preserve">Ændringer til forordning (EU) </w:t>
            </w:r>
            <w:r w:rsidRPr="007530A8">
              <w:rPr>
                <w:b/>
                <w:bCs/>
                <w:i/>
              </w:rPr>
              <w:t>2019</w:t>
            </w:r>
            <w:r w:rsidRPr="007530A8">
              <w:rPr>
                <w:bCs/>
              </w:rPr>
              <w:t>/</w:t>
            </w:r>
            <w:r w:rsidRPr="007530A8">
              <w:rPr>
                <w:b/>
                <w:bCs/>
                <w:i/>
              </w:rPr>
              <w:t>816</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16</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w:t>
      </w:r>
      <w:r w:rsidRPr="007530A8">
        <w:rPr>
          <w:rStyle w:val="HideTWBExt"/>
          <w:b w:val="0"/>
          <w:noProof w:val="0"/>
        </w:rPr>
        <w:t>&lt;/Article&gt;</w:t>
      </w:r>
    </w:p>
    <w:p w:rsidR="003C1E67" w:rsidRPr="007530A8" w:rsidRDefault="003C1E67" w:rsidP="003C1E6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 xml:space="preserve">Forordning </w:t>
            </w:r>
            <w:r w:rsidRPr="007530A8">
              <w:rPr>
                <w:b/>
                <w:i/>
              </w:rPr>
              <w:t>yyyy/xxxx</w:t>
            </w:r>
            <w:r w:rsidRPr="007530A8">
              <w:t xml:space="preserve"> (ECRIS-TCN-forordningen) ændres således</w:t>
            </w:r>
            <w:r w:rsidRPr="007530A8">
              <w:rPr>
                <w:vertAlign w:val="superscript"/>
              </w:rPr>
              <w:t>44</w:t>
            </w:r>
            <w:r w:rsidR="002C3D32" w:rsidRPr="007530A8">
              <w:t xml:space="preserve"> </w:t>
            </w:r>
            <w:r w:rsidRPr="007530A8">
              <w:rPr>
                <w:vertAlign w:val="superscript"/>
              </w:rPr>
              <w:t>45</w:t>
            </w:r>
          </w:p>
        </w:tc>
        <w:tc>
          <w:tcPr>
            <w:tcW w:w="4876" w:type="dxa"/>
          </w:tcPr>
          <w:p w:rsidR="003C1E67" w:rsidRPr="007530A8" w:rsidRDefault="007530A8" w:rsidP="00FC1640">
            <w:pPr>
              <w:pStyle w:val="Normal6a"/>
              <w:rPr>
                <w:szCs w:val="24"/>
              </w:rPr>
            </w:pPr>
            <w:r w:rsidRPr="007530A8">
              <w:t xml:space="preserve">Forordning </w:t>
            </w:r>
            <w:r w:rsidRPr="007530A8">
              <w:rPr>
                <w:b/>
                <w:i/>
              </w:rPr>
              <w:t>2019/816</w:t>
            </w:r>
            <w:r w:rsidRPr="007530A8">
              <w:t xml:space="preserve"> (ECRIS-TCN-forordningen) ændres således</w:t>
            </w:r>
            <w:r w:rsidRPr="007530A8">
              <w:rPr>
                <w:vertAlign w:val="superscript"/>
              </w:rPr>
              <w:t>44</w:t>
            </w:r>
            <w:r w:rsidRPr="007530A8">
              <w:t xml:space="preserve"> </w:t>
            </w:r>
            <w:r w:rsidRPr="007530A8">
              <w:rPr>
                <w:vertAlign w:val="superscript"/>
              </w:rPr>
              <w:t>45</w:t>
            </w:r>
            <w:r w:rsidRPr="007530A8">
              <w:t xml:space="preserve">: </w:t>
            </w:r>
          </w:p>
        </w:tc>
      </w:tr>
      <w:tr w:rsidR="006743F5" w:rsidRPr="007530A8" w:rsidTr="00FC1640">
        <w:trPr>
          <w:jc w:val="center"/>
        </w:trPr>
        <w:tc>
          <w:tcPr>
            <w:tcW w:w="4876" w:type="dxa"/>
          </w:tcPr>
          <w:p w:rsidR="003C1E67" w:rsidRPr="007530A8" w:rsidRDefault="007530A8" w:rsidP="00FC1640">
            <w:pPr>
              <w:pStyle w:val="Normal6a"/>
            </w:pPr>
            <w:r w:rsidRPr="007530A8">
              <w:t>_________________</w:t>
            </w:r>
          </w:p>
        </w:tc>
        <w:tc>
          <w:tcPr>
            <w:tcW w:w="4876" w:type="dxa"/>
          </w:tcPr>
          <w:p w:rsidR="003C1E67" w:rsidRPr="007530A8" w:rsidRDefault="007530A8" w:rsidP="00FC1640">
            <w:pPr>
              <w:pStyle w:val="Normal6a"/>
            </w:pPr>
            <w:r w:rsidRPr="007530A8">
              <w:t>_________________</w:t>
            </w:r>
          </w:p>
        </w:tc>
      </w:tr>
      <w:tr w:rsidR="006743F5" w:rsidRPr="007530A8" w:rsidTr="00FC1640">
        <w:trPr>
          <w:jc w:val="center"/>
        </w:trPr>
        <w:tc>
          <w:tcPr>
            <w:tcW w:w="4876" w:type="dxa"/>
          </w:tcPr>
          <w:p w:rsidR="003C1E67" w:rsidRPr="007530A8" w:rsidRDefault="007530A8" w:rsidP="00FC1640">
            <w:pPr>
              <w:pStyle w:val="Normal6a"/>
              <w:rPr>
                <w:vertAlign w:val="superscript"/>
              </w:rPr>
            </w:pPr>
            <w:r w:rsidRPr="007530A8">
              <w:rPr>
                <w:vertAlign w:val="superscript"/>
              </w:rPr>
              <w:t>44</w:t>
            </w:r>
            <w:r w:rsidRPr="007530A8">
              <w:t xml:space="preserve"> Disse ændringer tager hensyn til Kommissionens forslag COM(2017) 344 final.</w:t>
            </w:r>
          </w:p>
        </w:tc>
        <w:tc>
          <w:tcPr>
            <w:tcW w:w="4876" w:type="dxa"/>
          </w:tcPr>
          <w:p w:rsidR="003C1E67" w:rsidRPr="007530A8" w:rsidRDefault="007530A8" w:rsidP="00FC1640">
            <w:pPr>
              <w:pStyle w:val="Normal6a"/>
              <w:rPr>
                <w:vertAlign w:val="superscript"/>
              </w:rPr>
            </w:pPr>
            <w:r w:rsidRPr="007530A8">
              <w:rPr>
                <w:vertAlign w:val="superscript"/>
              </w:rPr>
              <w:t>44</w:t>
            </w:r>
            <w:r w:rsidRPr="007530A8">
              <w:t xml:space="preserve"> Disse ændringer tager hensyn til Kommissionens forslag COM(2017) 344 final.</w:t>
            </w:r>
          </w:p>
        </w:tc>
      </w:tr>
      <w:tr w:rsidR="006743F5" w:rsidRPr="007530A8" w:rsidTr="00FC1640">
        <w:trPr>
          <w:jc w:val="center"/>
        </w:trPr>
        <w:tc>
          <w:tcPr>
            <w:tcW w:w="4876" w:type="dxa"/>
          </w:tcPr>
          <w:p w:rsidR="003C1E67" w:rsidRPr="007530A8" w:rsidRDefault="007530A8" w:rsidP="00FC1640">
            <w:pPr>
              <w:pStyle w:val="Normal6a"/>
              <w:rPr>
                <w:vertAlign w:val="superscript"/>
              </w:rPr>
            </w:pPr>
            <w:r w:rsidRPr="007530A8">
              <w:rPr>
                <w:vertAlign w:val="superscript"/>
              </w:rPr>
              <w:t>45</w:t>
            </w:r>
            <w:r w:rsidRPr="007530A8">
              <w:t xml:space="preserve"> Nummereringen tager hensyn til ændringen af denne forordning som følge af forslaget til Europa-Parlamentets og Rådets forordning om fastsættelse af en ramme for interoperabili</w:t>
            </w:r>
            <w:r w:rsidRPr="007530A8">
              <w:t>teten mellem EU-informationssystemer (politisamarbejde og retligt samarbejde) (COM(2018) 480 final).</w:t>
            </w:r>
          </w:p>
        </w:tc>
        <w:tc>
          <w:tcPr>
            <w:tcW w:w="4876" w:type="dxa"/>
          </w:tcPr>
          <w:p w:rsidR="003C1E67" w:rsidRPr="007530A8" w:rsidRDefault="007530A8" w:rsidP="00FC1640">
            <w:pPr>
              <w:pStyle w:val="Normal6a"/>
              <w:rPr>
                <w:vertAlign w:val="superscript"/>
              </w:rPr>
            </w:pPr>
            <w:r w:rsidRPr="007530A8">
              <w:rPr>
                <w:vertAlign w:val="superscript"/>
              </w:rPr>
              <w:t>45</w:t>
            </w:r>
            <w:r w:rsidRPr="007530A8">
              <w:t xml:space="preserve"> Nummereringen tager hensyn til ændringen af denne forordning som følge af forslaget til Europa-Parlamentets og Rådets forordning om fastsættelse af en r</w:t>
            </w:r>
            <w:r w:rsidRPr="007530A8">
              <w:t>amme for interoperabiliteten mellem EU-informationssystemer (politisamarbejde og retligt samarbejde) (COM(2018) 480 final).</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17</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1</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1 – litra d</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d</w:t>
            </w:r>
            <w:r w:rsidRPr="007530A8">
              <w:tab/>
              <w:t xml:space="preserve">fastsættes de betingelser, hvorunder oplysninger i ECRIS-TCN-systemet kan </w:t>
            </w:r>
            <w:r w:rsidRPr="007530A8">
              <w:lastRenderedPageBreak/>
              <w:t>an</w:t>
            </w:r>
            <w:r w:rsidRPr="007530A8">
              <w:t xml:space="preserve">vendes med henblik på </w:t>
            </w:r>
            <w:r w:rsidRPr="007530A8">
              <w:rPr>
                <w:b/>
                <w:i/>
              </w:rPr>
              <w:t>grænseforvaltning</w:t>
            </w:r>
            <w:r w:rsidRPr="007530A8">
              <w:t xml:space="preserve"> i </w:t>
            </w:r>
            <w:r w:rsidRPr="007530A8">
              <w:rPr>
                <w:b/>
                <w:i/>
              </w:rPr>
              <w:t>overensstemmelse med</w:t>
            </w:r>
            <w:r w:rsidRPr="007530A8">
              <w:t xml:space="preserve"> Europa-Parlamentets og Rådets forordning (EU) 2018/1240*.</w:t>
            </w:r>
          </w:p>
        </w:tc>
        <w:tc>
          <w:tcPr>
            <w:tcW w:w="4876" w:type="dxa"/>
          </w:tcPr>
          <w:p w:rsidR="003C1E67" w:rsidRPr="007530A8" w:rsidRDefault="007530A8" w:rsidP="00FC1640">
            <w:pPr>
              <w:pStyle w:val="Normal6a"/>
              <w:rPr>
                <w:szCs w:val="24"/>
              </w:rPr>
            </w:pPr>
            <w:r w:rsidRPr="007530A8">
              <w:lastRenderedPageBreak/>
              <w:t>"(d</w:t>
            </w:r>
            <w:r w:rsidRPr="007530A8">
              <w:tab/>
              <w:t xml:space="preserve">fastsættes de betingelser, hvorunder oplysninger i ECRIS-TCN-systemet kan </w:t>
            </w:r>
            <w:r w:rsidRPr="007530A8">
              <w:lastRenderedPageBreak/>
              <w:t xml:space="preserve">anvendes </w:t>
            </w:r>
            <w:r w:rsidRPr="007530A8">
              <w:rPr>
                <w:b/>
                <w:i/>
              </w:rPr>
              <w:t xml:space="preserve">af den centrale ETIAS-enhed </w:t>
            </w:r>
            <w:r w:rsidRPr="007530A8">
              <w:t xml:space="preserve">med henblik på </w:t>
            </w:r>
            <w:r w:rsidRPr="007530A8">
              <w:rPr>
                <w:b/>
                <w:i/>
              </w:rPr>
              <w:t xml:space="preserve">at </w:t>
            </w:r>
            <w:r w:rsidRPr="007530A8">
              <w:rPr>
                <w:b/>
                <w:i/>
              </w:rPr>
              <w:t>støtte målet</w:t>
            </w:r>
            <w:r w:rsidRPr="007530A8">
              <w:t xml:space="preserve"> i </w:t>
            </w:r>
            <w:r w:rsidRPr="007530A8">
              <w:rPr>
                <w:b/>
                <w:i/>
              </w:rPr>
              <w:t>henhold til</w:t>
            </w:r>
            <w:r w:rsidRPr="007530A8">
              <w:t xml:space="preserve"> Europa-Parlamentets og Rådets forordning (EU) 2018/1240*</w:t>
            </w:r>
            <w:r w:rsidRPr="007530A8">
              <w:rPr>
                <w:b/>
                <w:i/>
              </w:rPr>
              <w:t xml:space="preserve"> om at fastslå, om tilstedeværelsen af ETIAS-ansøgere på medlemsstaternes område ville udgøre en sikkerhedsrisiko</w:t>
            </w:r>
            <w:r w:rsidRPr="007530A8">
              <w:t>.</w:t>
            </w:r>
          </w:p>
        </w:tc>
      </w:tr>
      <w:tr w:rsidR="006743F5" w:rsidRPr="007530A8" w:rsidTr="00FC1640">
        <w:trPr>
          <w:jc w:val="center"/>
        </w:trPr>
        <w:tc>
          <w:tcPr>
            <w:tcW w:w="4876" w:type="dxa"/>
          </w:tcPr>
          <w:p w:rsidR="003C1E67" w:rsidRPr="007530A8" w:rsidRDefault="007530A8" w:rsidP="00FC1640">
            <w:pPr>
              <w:pStyle w:val="Normal6a"/>
            </w:pPr>
            <w:r w:rsidRPr="007530A8">
              <w:lastRenderedPageBreak/>
              <w:t>_________________</w:t>
            </w:r>
          </w:p>
        </w:tc>
        <w:tc>
          <w:tcPr>
            <w:tcW w:w="4876" w:type="dxa"/>
          </w:tcPr>
          <w:p w:rsidR="003C1E67" w:rsidRPr="007530A8" w:rsidRDefault="007530A8" w:rsidP="00FC1640">
            <w:pPr>
              <w:pStyle w:val="Normal6a"/>
            </w:pPr>
            <w:r w:rsidRPr="007530A8">
              <w:t>_________________</w:t>
            </w:r>
          </w:p>
        </w:tc>
      </w:tr>
      <w:tr w:rsidR="006743F5" w:rsidRPr="007530A8" w:rsidTr="00FC1640">
        <w:trPr>
          <w:jc w:val="center"/>
        </w:trPr>
        <w:tc>
          <w:tcPr>
            <w:tcW w:w="4876" w:type="dxa"/>
          </w:tcPr>
          <w:p w:rsidR="003C1E67" w:rsidRPr="007530A8" w:rsidRDefault="007530A8" w:rsidP="00FC1640">
            <w:pPr>
              <w:pStyle w:val="Normal6a"/>
            </w:pPr>
            <w:r w:rsidRPr="007530A8">
              <w:t>* Europa-Parlamentet</w:t>
            </w:r>
            <w:r w:rsidRPr="007530A8">
              <w:t xml:space="preserve">s og Rådets forordning (EU) 2018/1240 af 12. september 2018 om oprettelse af et europæisk system vedrørende rejseinformation og rejsetilladelse (ETIAS) og om ændring af forordning (EU) nr. 1077/2011, (EU) nr. 515/2014, (EU) 2016/399 (EU) 2016/1624 og (EU) </w:t>
            </w:r>
            <w:r w:rsidRPr="007530A8">
              <w:t>2017/2226 (EUT L 236 af 19.9.2018, s. 1).</w:t>
            </w:r>
            <w:r w:rsidRPr="007530A8">
              <w:rPr>
                <w:b/>
                <w:i/>
              </w:rPr>
              <w:t>"</w:t>
            </w:r>
            <w:r w:rsidRPr="007530A8">
              <w:rPr>
                <w:b/>
                <w:i/>
              </w:rPr>
              <w:cr/>
            </w:r>
            <w:r w:rsidRPr="007530A8">
              <w:rPr>
                <w:b/>
                <w:i/>
              </w:rPr>
              <w:br/>
            </w:r>
          </w:p>
        </w:tc>
        <w:tc>
          <w:tcPr>
            <w:tcW w:w="4876" w:type="dxa"/>
          </w:tcPr>
          <w:p w:rsidR="003C1E67" w:rsidRPr="007530A8" w:rsidRDefault="007530A8" w:rsidP="00FC1640">
            <w:pPr>
              <w:pStyle w:val="Normal6a"/>
            </w:pPr>
            <w:r w:rsidRPr="007530A8">
              <w:t>* Europa-Parlamentets og Rådets forordning (EU) 2018/1240 af 12. september 2018 om oprettelse af et europæisk system vedrørende rejseinformation og rejsetilladelse (ETIAS) og om ændring af forordning (EU) nr. 10</w:t>
            </w:r>
            <w:r w:rsidRPr="007530A8">
              <w:t>77/2011, (EU) nr. 515/2014, (EU) 2016/399 (EU) 2016/1624 og (EU) 2017/2226 (EUT L 236 af 19.9.2018, s. 1).</w:t>
            </w:r>
            <w:r w:rsidRPr="007530A8">
              <w:rPr>
                <w:b/>
                <w:i/>
              </w:rPr>
              <w:t>"</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18</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w:t>
      </w:r>
      <w:r w:rsidRPr="007530A8">
        <w:t xml:space="preserve"> stk. 1 – nr. 2</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2 – stk. 1 a (nyt)</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3C1E67" w:rsidP="00FC1640">
            <w:pPr>
              <w:pStyle w:val="Normal6a"/>
            </w:pPr>
          </w:p>
        </w:tc>
        <w:tc>
          <w:tcPr>
            <w:tcW w:w="4876" w:type="dxa"/>
          </w:tcPr>
          <w:p w:rsidR="003C1E67" w:rsidRPr="007530A8" w:rsidRDefault="007530A8" w:rsidP="00FC1640">
            <w:pPr>
              <w:pStyle w:val="Normal6a"/>
              <w:rPr>
                <w:b/>
                <w:i/>
              </w:rPr>
            </w:pPr>
            <w:r w:rsidRPr="007530A8">
              <w:rPr>
                <w:b/>
                <w:i/>
              </w:rPr>
              <w:t xml:space="preserve">Denne forordning letter og bidrager også til en korrekt identifikation af personer i </w:t>
            </w:r>
            <w:r w:rsidRPr="007530A8">
              <w:rPr>
                <w:b/>
                <w:i/>
              </w:rPr>
              <w:t>overensstemmelse med nærværende forordning og med forordning (EU) 2019/818.</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lastRenderedPageBreak/>
        <w:t>&lt;Amend&gt;</w:t>
      </w:r>
      <w:r w:rsidRPr="007530A8">
        <w:t>Ændringsforslag</w:t>
      </w:r>
      <w:r w:rsidRPr="007530A8">
        <w:tab/>
      </w:r>
      <w:r w:rsidRPr="007530A8">
        <w:tab/>
      </w:r>
      <w:r w:rsidRPr="007530A8">
        <w:rPr>
          <w:rStyle w:val="HideTWBExt"/>
          <w:b w:val="0"/>
          <w:noProof w:val="0"/>
        </w:rPr>
        <w:t>&lt;NumAm&gt;</w:t>
      </w:r>
      <w:r w:rsidRPr="007530A8">
        <w:t>19</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2</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2 – stk. 1 b (nyt)</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3C1E67" w:rsidP="00FC1640">
            <w:pPr>
              <w:pStyle w:val="Normal6a"/>
            </w:pPr>
          </w:p>
        </w:tc>
        <w:tc>
          <w:tcPr>
            <w:tcW w:w="4876" w:type="dxa"/>
          </w:tcPr>
          <w:p w:rsidR="003C1E67" w:rsidRPr="007530A8" w:rsidRDefault="007530A8" w:rsidP="00FC1640">
            <w:pPr>
              <w:pStyle w:val="Normal6a"/>
              <w:rPr>
                <w:b/>
                <w:i/>
              </w:rPr>
            </w:pPr>
            <w:r w:rsidRPr="007530A8">
              <w:rPr>
                <w:b/>
                <w:i/>
              </w:rPr>
              <w:t xml:space="preserve">Denne forordning støtter også målet i henhold til forordning (EU) 2018/1240 om at fastslå, om tilstedeværelsen af </w:t>
            </w:r>
            <w:r w:rsidRPr="007530A8">
              <w:rPr>
                <w:b/>
                <w:i/>
              </w:rPr>
              <w:t>ETIAS-ansøgere på medlemsstaternes område ville udgøre en sikkerhedsrisiko.</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20</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3 – litra a</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3 – litra f</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a)</w:t>
            </w:r>
            <w:r w:rsidRPr="007530A8">
              <w:tab/>
            </w:r>
            <w:r w:rsidRPr="007530A8">
              <w:rPr>
                <w:b/>
                <w:i/>
              </w:rPr>
              <w:t>Litra f</w:t>
            </w:r>
            <w:r w:rsidRPr="007530A8">
              <w:t>)</w:t>
            </w:r>
            <w:r w:rsidRPr="007530A8">
              <w:rPr>
                <w:b/>
                <w:i/>
              </w:rPr>
              <w:t xml:space="preserve"> </w:t>
            </w:r>
            <w:r w:rsidRPr="007530A8">
              <w:t>affattes således:</w:t>
            </w:r>
          </w:p>
        </w:tc>
        <w:tc>
          <w:tcPr>
            <w:tcW w:w="4876" w:type="dxa"/>
          </w:tcPr>
          <w:p w:rsidR="003C1E67" w:rsidRPr="007530A8" w:rsidRDefault="007530A8" w:rsidP="00FC1640">
            <w:pPr>
              <w:pStyle w:val="Normal6a"/>
              <w:rPr>
                <w:szCs w:val="24"/>
              </w:rPr>
            </w:pPr>
            <w:r w:rsidRPr="007530A8">
              <w:t>a)</w:t>
            </w:r>
            <w:r w:rsidRPr="007530A8">
              <w:tab/>
            </w:r>
            <w:r w:rsidRPr="007530A8">
              <w:rPr>
                <w:b/>
                <w:i/>
              </w:rPr>
              <w:t>Nr. 6</w:t>
            </w:r>
            <w:r w:rsidRPr="007530A8">
              <w:t>) affattes således:</w:t>
            </w:r>
          </w:p>
        </w:tc>
      </w:tr>
      <w:tr w:rsidR="006743F5" w:rsidRPr="007530A8" w:rsidTr="00FC1640">
        <w:trPr>
          <w:jc w:val="center"/>
        </w:trPr>
        <w:tc>
          <w:tcPr>
            <w:tcW w:w="4876" w:type="dxa"/>
          </w:tcPr>
          <w:p w:rsidR="003C1E67" w:rsidRPr="007530A8" w:rsidRDefault="007530A8" w:rsidP="00FC1640">
            <w:pPr>
              <w:pStyle w:val="Normal6a"/>
            </w:pPr>
            <w:r w:rsidRPr="007530A8">
              <w:rPr>
                <w:b/>
                <w:i/>
              </w:rPr>
              <w:t>"f</w:t>
            </w:r>
            <w:r w:rsidRPr="007530A8">
              <w:t>)</w:t>
            </w:r>
            <w:r w:rsidRPr="007530A8">
              <w:tab/>
              <w:t>"kompetente myndigheder": de centrale myndigheder og</w:t>
            </w:r>
            <w:r w:rsidRPr="007530A8">
              <w:t xml:space="preserve"> EU-organer (Eurojust, Europol, Den Europæiske Anklagemyndighed og den centrale ETIAS-enhed, der blev oprettet</w:t>
            </w:r>
            <w:r w:rsidRPr="007530A8">
              <w:rPr>
                <w:b/>
                <w:i/>
              </w:rPr>
              <w:t xml:space="preserve"> i Det Europæiske Agentur for Grænse- og Kystbevogtning)</w:t>
            </w:r>
            <w:r w:rsidRPr="007530A8">
              <w:t>,</w:t>
            </w:r>
            <w:r w:rsidR="002C3D32" w:rsidRPr="007530A8">
              <w:rPr>
                <w:b/>
                <w:i/>
              </w:rPr>
              <w:t xml:space="preserve"> </w:t>
            </w:r>
            <w:r w:rsidRPr="007530A8">
              <w:t>der har ret til at tilgå eller søge i ECRIS-TCNsystemet i overensstemmelse med denne fo</w:t>
            </w:r>
            <w:r w:rsidRPr="007530A8">
              <w:t>rordning"</w:t>
            </w:r>
            <w:r w:rsidRPr="007530A8">
              <w:rPr>
                <w:b/>
                <w:i/>
              </w:rPr>
              <w:t xml:space="preserve"> </w:t>
            </w:r>
          </w:p>
        </w:tc>
        <w:tc>
          <w:tcPr>
            <w:tcW w:w="4876" w:type="dxa"/>
          </w:tcPr>
          <w:p w:rsidR="003C1E67" w:rsidRPr="007530A8" w:rsidRDefault="007530A8" w:rsidP="00FC1640">
            <w:pPr>
              <w:pStyle w:val="Normal6a"/>
              <w:rPr>
                <w:szCs w:val="24"/>
              </w:rPr>
            </w:pPr>
            <w:r w:rsidRPr="007530A8">
              <w:rPr>
                <w:b/>
                <w:i/>
              </w:rPr>
              <w:t>"6</w:t>
            </w:r>
            <w:r w:rsidRPr="007530A8">
              <w:t>)</w:t>
            </w:r>
            <w:r w:rsidRPr="007530A8">
              <w:tab/>
              <w:t>"kompetente myndigheder": de centrale myndigheder og EU-organer (Eurojust, Europol, Den Europæiske Anklagemyndighed og den centrale ETIAS-enhed, der blev oprettet</w:t>
            </w:r>
            <w:r w:rsidRPr="007530A8">
              <w:rPr>
                <w:b/>
                <w:i/>
              </w:rPr>
              <w:t>, jf. artikel 7 i forordning (EU) 2018/1240</w:t>
            </w:r>
            <w:r w:rsidRPr="007530A8">
              <w:t>, der har ret til at tilgå eller søg</w:t>
            </w:r>
            <w:r w:rsidRPr="007530A8">
              <w:t>e i ECRIS-TCN-systemet i overensstemmelse med denne forordning"</w:t>
            </w:r>
          </w:p>
        </w:tc>
      </w:tr>
    </w:tbl>
    <w:p w:rsidR="003C1E67" w:rsidRPr="007530A8" w:rsidRDefault="007530A8" w:rsidP="003C1E67">
      <w:pPr>
        <w:pStyle w:val="AmOrLang"/>
        <w:rPr>
          <w:rFonts w:eastAsiaTheme="majorEastAsia"/>
        </w:rPr>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lastRenderedPageBreak/>
        <w:t>&lt;Amend&gt;</w:t>
      </w:r>
      <w:r w:rsidRPr="007530A8">
        <w:t>Ændringsforslag</w:t>
      </w:r>
      <w:r w:rsidRPr="007530A8">
        <w:tab/>
      </w:r>
      <w:r w:rsidRPr="007530A8">
        <w:tab/>
      </w:r>
      <w:r w:rsidRPr="007530A8">
        <w:rPr>
          <w:rStyle w:val="HideTWBExt"/>
          <w:b w:val="0"/>
          <w:noProof w:val="0"/>
        </w:rPr>
        <w:t>&lt;NumAm&gt;</w:t>
      </w:r>
      <w:r w:rsidRPr="007530A8">
        <w:t>21</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3 – litra b</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3 – litra t og u</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rPr>
                <w:b/>
                <w:i/>
              </w:rPr>
              <w:t>b)</w:t>
            </w:r>
            <w:r w:rsidRPr="007530A8">
              <w:tab/>
            </w:r>
            <w:r w:rsidRPr="007530A8">
              <w:rPr>
                <w:b/>
                <w:i/>
              </w:rPr>
              <w:t>Følgende litraer tilføjes:</w:t>
            </w:r>
          </w:p>
        </w:tc>
        <w:tc>
          <w:tcPr>
            <w:tcW w:w="4876" w:type="dxa"/>
          </w:tcPr>
          <w:p w:rsidR="003C1E67" w:rsidRPr="007530A8" w:rsidRDefault="007530A8" w:rsidP="00FC1640">
            <w:pPr>
              <w:pStyle w:val="Normal6a"/>
              <w:rPr>
                <w:b/>
                <w:i/>
                <w:szCs w:val="24"/>
              </w:rPr>
            </w:pPr>
            <w:r w:rsidRPr="007530A8">
              <w:rPr>
                <w:b/>
                <w:i/>
                <w:szCs w:val="24"/>
              </w:rPr>
              <w:t>udgår</w:t>
            </w:r>
          </w:p>
        </w:tc>
      </w:tr>
      <w:tr w:rsidR="006743F5" w:rsidRPr="007530A8" w:rsidTr="00FC1640">
        <w:trPr>
          <w:jc w:val="center"/>
        </w:trPr>
        <w:tc>
          <w:tcPr>
            <w:tcW w:w="4876" w:type="dxa"/>
          </w:tcPr>
          <w:p w:rsidR="003C1E67" w:rsidRPr="007530A8" w:rsidRDefault="007530A8" w:rsidP="00FC1640">
            <w:pPr>
              <w:pStyle w:val="Normal6a"/>
              <w:rPr>
                <w:b/>
                <w:i/>
              </w:rPr>
            </w:pPr>
            <w:r w:rsidRPr="007530A8">
              <w:rPr>
                <w:b/>
                <w:i/>
              </w:rPr>
              <w:t xml:space="preserve">"t) "terrorhandling": en lovovertrædelse, som svarer til eller er ligestillet med en af de lovovertrædelser, der er omhandlet i Europa-Parlamentets og </w:t>
            </w:r>
            <w:r w:rsidRPr="007530A8">
              <w:rPr>
                <w:b/>
                <w:i/>
              </w:rPr>
              <w:cr/>
            </w:r>
            <w:r w:rsidRPr="007530A8">
              <w:rPr>
                <w:b/>
                <w:i/>
              </w:rPr>
              <w:br/>
              <w:t>Rådets direktiv (EU) 2017/541*</w:t>
            </w:r>
            <w:r w:rsidRPr="007530A8">
              <w:t xml:space="preserve"> </w:t>
            </w:r>
            <w:r w:rsidRPr="007530A8">
              <w:cr/>
            </w:r>
            <w:r w:rsidRPr="007530A8">
              <w:br/>
            </w:r>
          </w:p>
        </w:tc>
        <w:tc>
          <w:tcPr>
            <w:tcW w:w="4876" w:type="dxa"/>
          </w:tcPr>
          <w:p w:rsidR="003C1E67" w:rsidRPr="007530A8" w:rsidRDefault="003C1E67" w:rsidP="00FC1640">
            <w:pPr>
              <w:pStyle w:val="Normal6a"/>
              <w:rPr>
                <w:b/>
                <w:i/>
                <w:szCs w:val="24"/>
              </w:rPr>
            </w:pPr>
          </w:p>
        </w:tc>
      </w:tr>
      <w:tr w:rsidR="006743F5" w:rsidRPr="007530A8" w:rsidTr="00FC1640">
        <w:trPr>
          <w:jc w:val="center"/>
        </w:trPr>
        <w:tc>
          <w:tcPr>
            <w:tcW w:w="4876" w:type="dxa"/>
          </w:tcPr>
          <w:p w:rsidR="003C1E67" w:rsidRPr="007530A8" w:rsidRDefault="007530A8" w:rsidP="00FC1640">
            <w:pPr>
              <w:pStyle w:val="Normal6a"/>
              <w:rPr>
                <w:b/>
                <w:i/>
              </w:rPr>
            </w:pPr>
            <w:r w:rsidRPr="007530A8">
              <w:rPr>
                <w:b/>
                <w:i/>
              </w:rPr>
              <w:t>u)</w:t>
            </w:r>
            <w:r w:rsidRPr="007530A8">
              <w:rPr>
                <w:b/>
                <w:i/>
              </w:rPr>
              <w:tab/>
              <w:t>"alvorlig strafbar handling": en lovovertrædelse, som svarer til</w:t>
            </w:r>
            <w:r w:rsidRPr="007530A8">
              <w:rPr>
                <w:b/>
                <w:i/>
              </w:rPr>
              <w:t xml:space="preserve"> eller er ligestillet med en af de lovovertrædelser, der er omhandlet i artikel 2, stk. 2, i Rådets rammeafgørelse 2002/584/RIA**, hvis den i henhold til national ret kan straffes med frihedsstraf eller en anden frihedsberøvende foranstaltning af en maksim</w:t>
            </w:r>
            <w:r w:rsidRPr="007530A8">
              <w:rPr>
                <w:b/>
                <w:i/>
              </w:rPr>
              <w:t>al varighed på mindst tre år.</w:t>
            </w:r>
          </w:p>
        </w:tc>
        <w:tc>
          <w:tcPr>
            <w:tcW w:w="4876" w:type="dxa"/>
          </w:tcPr>
          <w:p w:rsidR="003C1E67" w:rsidRPr="007530A8" w:rsidRDefault="003C1E67" w:rsidP="00FC1640">
            <w:pPr>
              <w:pStyle w:val="Normal6a"/>
              <w:rPr>
                <w:b/>
                <w:i/>
                <w:szCs w:val="24"/>
              </w:rPr>
            </w:pPr>
          </w:p>
        </w:tc>
      </w:tr>
      <w:tr w:rsidR="006743F5" w:rsidRPr="007530A8" w:rsidTr="00FC1640">
        <w:trPr>
          <w:jc w:val="center"/>
        </w:trPr>
        <w:tc>
          <w:tcPr>
            <w:tcW w:w="4876" w:type="dxa"/>
          </w:tcPr>
          <w:p w:rsidR="003C1E67" w:rsidRPr="007530A8" w:rsidRDefault="007530A8" w:rsidP="00FC1640">
            <w:pPr>
              <w:pStyle w:val="Normal6a"/>
              <w:rPr>
                <w:b/>
                <w:i/>
              </w:rPr>
            </w:pPr>
            <w:r w:rsidRPr="007530A8">
              <w:rPr>
                <w:b/>
                <w:i/>
              </w:rPr>
              <w:t>______________</w:t>
            </w:r>
          </w:p>
        </w:tc>
        <w:tc>
          <w:tcPr>
            <w:tcW w:w="4876" w:type="dxa"/>
          </w:tcPr>
          <w:p w:rsidR="003C1E67" w:rsidRPr="007530A8" w:rsidRDefault="003C1E67" w:rsidP="00FC1640">
            <w:pPr>
              <w:pStyle w:val="Normal6a"/>
              <w:rPr>
                <w:b/>
                <w:i/>
                <w:szCs w:val="24"/>
              </w:rPr>
            </w:pPr>
          </w:p>
        </w:tc>
      </w:tr>
      <w:tr w:rsidR="006743F5" w:rsidRPr="007530A8" w:rsidTr="00FC1640">
        <w:trPr>
          <w:jc w:val="center"/>
        </w:trPr>
        <w:tc>
          <w:tcPr>
            <w:tcW w:w="4876" w:type="dxa"/>
          </w:tcPr>
          <w:p w:rsidR="003C1E67" w:rsidRPr="007530A8" w:rsidRDefault="007530A8" w:rsidP="00FC1640">
            <w:pPr>
              <w:pStyle w:val="Normal6a"/>
              <w:rPr>
                <w:b/>
                <w:i/>
              </w:rPr>
            </w:pPr>
            <w:r w:rsidRPr="007530A8">
              <w:rPr>
                <w:b/>
                <w:i/>
              </w:rPr>
              <w:t xml:space="preserve">* Europa-Parlamentets og Rådets direktiv (EU) 2017/541 af 15. marts 2017 om bekæmpelse af terrorisme og om erstatning af Rådets rammeafgørelse 2002/475/RIA og ændring af Rådets afgørelse 2005/671/RIA (EUT L </w:t>
            </w:r>
            <w:r w:rsidRPr="007530A8">
              <w:rPr>
                <w:b/>
                <w:i/>
              </w:rPr>
              <w:t xml:space="preserve">88 af 31.3.2017, s. 6). </w:t>
            </w:r>
          </w:p>
        </w:tc>
        <w:tc>
          <w:tcPr>
            <w:tcW w:w="4876" w:type="dxa"/>
          </w:tcPr>
          <w:p w:rsidR="003C1E67" w:rsidRPr="007530A8" w:rsidRDefault="003C1E67" w:rsidP="00FC1640">
            <w:pPr>
              <w:pStyle w:val="Normal6a"/>
              <w:rPr>
                <w:b/>
                <w:i/>
                <w:szCs w:val="24"/>
              </w:rPr>
            </w:pPr>
          </w:p>
        </w:tc>
      </w:tr>
      <w:tr w:rsidR="006743F5" w:rsidRPr="007530A8" w:rsidTr="00FC1640">
        <w:trPr>
          <w:jc w:val="center"/>
        </w:trPr>
        <w:tc>
          <w:tcPr>
            <w:tcW w:w="4876" w:type="dxa"/>
          </w:tcPr>
          <w:p w:rsidR="003C1E67" w:rsidRPr="007530A8" w:rsidRDefault="007530A8" w:rsidP="00FC1640">
            <w:pPr>
              <w:pStyle w:val="Normal6a"/>
              <w:rPr>
                <w:b/>
                <w:i/>
              </w:rPr>
            </w:pPr>
            <w:r w:rsidRPr="007530A8">
              <w:rPr>
                <w:b/>
                <w:i/>
              </w:rPr>
              <w:t>** Rådets rammeafgørelse 2002/584/RIA af 13. juni 2002 om den europæiske arrestordre og om procedurerne for overgivelse mellem medlemsstaterne (EFT L 190 af 18.7.2002, s. 1)"</w:t>
            </w:r>
          </w:p>
        </w:tc>
        <w:tc>
          <w:tcPr>
            <w:tcW w:w="4876" w:type="dxa"/>
          </w:tcPr>
          <w:p w:rsidR="003C1E67" w:rsidRPr="007530A8" w:rsidRDefault="003C1E67" w:rsidP="00FC1640">
            <w:pPr>
              <w:pStyle w:val="Normal6a"/>
              <w:rPr>
                <w:b/>
                <w:i/>
                <w:szCs w:val="24"/>
              </w:rPr>
            </w:pP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lastRenderedPageBreak/>
        <w:t>&lt;Amend&gt;</w:t>
      </w:r>
      <w:r w:rsidRPr="007530A8">
        <w:t>Ændr</w:t>
      </w:r>
      <w:r w:rsidRPr="007530A8">
        <w:t>ingsforslag</w:t>
      </w:r>
      <w:r w:rsidRPr="007530A8">
        <w:tab/>
      </w:r>
      <w:r w:rsidRPr="007530A8">
        <w:tab/>
      </w:r>
      <w:r w:rsidRPr="007530A8">
        <w:rPr>
          <w:rStyle w:val="HideTWBExt"/>
          <w:b w:val="0"/>
          <w:noProof w:val="0"/>
        </w:rPr>
        <w:t>&lt;NumAm&gt;</w:t>
      </w:r>
      <w:r w:rsidRPr="007530A8">
        <w:t>22</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4 – litra a</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5 – stk. 1 – litra c</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c)</w:t>
            </w:r>
            <w:r w:rsidRPr="007530A8">
              <w:tab/>
              <w:t xml:space="preserve">hvis det er relevant en påtegning om, at den pågældende </w:t>
            </w:r>
            <w:r w:rsidRPr="007530A8">
              <w:rPr>
                <w:b/>
                <w:i/>
              </w:rPr>
              <w:t>person</w:t>
            </w:r>
            <w:r w:rsidRPr="007530A8">
              <w:t xml:space="preserve"> er dømt for en terrorhandling eller en anden </w:t>
            </w:r>
            <w:r w:rsidRPr="007530A8">
              <w:rPr>
                <w:b/>
                <w:i/>
              </w:rPr>
              <w:t>alvorlig</w:t>
            </w:r>
            <w:r w:rsidRPr="007530A8">
              <w:t xml:space="preserve"> strafbar handling, og i givet fald koden for domsstaten(erne)."</w:t>
            </w:r>
          </w:p>
        </w:tc>
        <w:tc>
          <w:tcPr>
            <w:tcW w:w="4876" w:type="dxa"/>
          </w:tcPr>
          <w:p w:rsidR="003C1E67" w:rsidRPr="007530A8" w:rsidRDefault="007530A8" w:rsidP="00FC1640">
            <w:pPr>
              <w:pStyle w:val="Normal6a"/>
              <w:rPr>
                <w:szCs w:val="24"/>
              </w:rPr>
            </w:pPr>
            <w:r w:rsidRPr="007530A8">
              <w:t>"c)</w:t>
            </w:r>
            <w:r w:rsidRPr="007530A8">
              <w:tab/>
            </w:r>
            <w:r w:rsidRPr="007530A8">
              <w:t xml:space="preserve">hvis det er relevant en påtegning, som med henblik på forordning (EF) nr. 767/2008 og (EU) 2018/1240 angiver, at den pågældende </w:t>
            </w:r>
            <w:r w:rsidRPr="007530A8">
              <w:rPr>
                <w:b/>
                <w:i/>
              </w:rPr>
              <w:t>tredjelandsstatsborger</w:t>
            </w:r>
            <w:r w:rsidRPr="007530A8">
              <w:t xml:space="preserve"> er dømt for en terrorhandling eller </w:t>
            </w:r>
            <w:r w:rsidRPr="007530A8">
              <w:rPr>
                <w:b/>
                <w:i/>
              </w:rPr>
              <w:t>enhver</w:t>
            </w:r>
            <w:r w:rsidRPr="007530A8">
              <w:t xml:space="preserve"> anden strafbar handling, </w:t>
            </w:r>
            <w:r w:rsidRPr="007530A8">
              <w:rPr>
                <w:b/>
                <w:i/>
              </w:rPr>
              <w:t>der er opført i bilaget til forordnin</w:t>
            </w:r>
            <w:r w:rsidRPr="007530A8">
              <w:rPr>
                <w:b/>
                <w:i/>
              </w:rPr>
              <w:t>g (EU) 2018/1240, hvis de pågældende strafbare handlinger i henhold til national ret kan straffes med frihedsstraf eller en anden frihedsberøvende foranstaltning af en maksimal varighed på mindst tre år,</w:t>
            </w:r>
            <w:r w:rsidRPr="007530A8">
              <w:t xml:space="preserve"> og i dette tilfælde domsstatens eller domsstaternes </w:t>
            </w:r>
            <w:r w:rsidRPr="007530A8">
              <w:t>kode."</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23</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4 – litra b</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w:t>
      </w:r>
      <w:r w:rsidRPr="007530A8">
        <w:t xml:space="preserve"> 5 – stk. 1a</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rPr>
                <w:b/>
                <w:i/>
              </w:rPr>
              <w:t>"1a.</w:t>
            </w:r>
            <w:r w:rsidRPr="007530A8">
              <w:tab/>
            </w:r>
            <w:r w:rsidRPr="007530A8">
              <w:rPr>
                <w:b/>
                <w:i/>
              </w:rPr>
              <w:t>[</w:t>
            </w:r>
            <w:r w:rsidRPr="007530A8">
              <w:t>Det fælles identitetsregister indeholder de data, der er omhandlet i stk. 1, litra b) og c), og stk. 2, samt følgende data, der er omhandlet stk. 1, litra a): efternavn,</w:t>
            </w:r>
            <w:r w:rsidR="002C3D32" w:rsidRPr="007530A8">
              <w:t xml:space="preserve"> </w:t>
            </w:r>
            <w:r w:rsidRPr="007530A8">
              <w:t>fornavn(e) fødselsdato fødested (by og land),</w:t>
            </w:r>
            <w:r w:rsidR="002C3D32" w:rsidRPr="007530A8">
              <w:t xml:space="preserve"> </w:t>
            </w:r>
            <w:r w:rsidRPr="007530A8">
              <w:t>nationalitet(er),</w:t>
            </w:r>
            <w:r w:rsidR="002C3D32" w:rsidRPr="007530A8">
              <w:t xml:space="preserve"> </w:t>
            </w:r>
            <w:r w:rsidRPr="007530A8">
              <w:t xml:space="preserve">køn </w:t>
            </w:r>
            <w:r w:rsidRPr="007530A8">
              <w:rPr>
                <w:b/>
                <w:i/>
              </w:rPr>
              <w:t>typen af og num</w:t>
            </w:r>
            <w:r w:rsidRPr="007530A8">
              <w:rPr>
                <w:b/>
                <w:i/>
              </w:rPr>
              <w:t xml:space="preserve">meret på den pågældende persons rejsedokument(er) samt navnet på den udstedende myndighed, </w:t>
            </w:r>
            <w:r w:rsidRPr="007530A8">
              <w:t xml:space="preserve">og eventuelle tidligere navne, pseudonym(er) og/eller kaldenavn(e), samt i de tilfælde, der er </w:t>
            </w:r>
            <w:r w:rsidRPr="007530A8">
              <w:lastRenderedPageBreak/>
              <w:t>omhandlet i stk. 1, litra c), koden på domsstaten. De resterende ECRIS</w:t>
            </w:r>
            <w:r w:rsidRPr="007530A8">
              <w:t>-TCN-data lagres i det centrale ECRIS-TCN-system.</w:t>
            </w:r>
            <w:r w:rsidRPr="007530A8">
              <w:rPr>
                <w:b/>
                <w:i/>
              </w:rPr>
              <w:t>]</w:t>
            </w:r>
            <w:r w:rsidRPr="007530A8">
              <w:t>"</w:t>
            </w:r>
          </w:p>
        </w:tc>
        <w:tc>
          <w:tcPr>
            <w:tcW w:w="4876" w:type="dxa"/>
          </w:tcPr>
          <w:p w:rsidR="003C1E67" w:rsidRPr="007530A8" w:rsidRDefault="007530A8" w:rsidP="00FC1640">
            <w:pPr>
              <w:pStyle w:val="Normal6a"/>
              <w:rPr>
                <w:szCs w:val="24"/>
              </w:rPr>
            </w:pPr>
            <w:r w:rsidRPr="007530A8">
              <w:lastRenderedPageBreak/>
              <w:t>"1a.</w:t>
            </w:r>
            <w:r w:rsidRPr="007530A8">
              <w:tab/>
              <w:t>Det fælles identitetsregister indeholder de data, der er omhandlet i stk. 1, litra b) og c), og stk. 2, samt følgende data, der er omhandlet stk. 1, litra a): efternavn, fornavn(e) fødselsdato fødest</w:t>
            </w:r>
            <w:r w:rsidRPr="007530A8">
              <w:t>ed (by og land), nationalitet(er) køn og eventuelle tidligere navne, pseudonym(er) og/eller kaldenavn(e),</w:t>
            </w:r>
            <w:r w:rsidRPr="007530A8">
              <w:rPr>
                <w:b/>
                <w:i/>
              </w:rPr>
              <w:t xml:space="preserve"> i givet fald typen af og nummeret på den pågældende persons</w:t>
            </w:r>
            <w:r w:rsidR="002C3D32" w:rsidRPr="007530A8">
              <w:t xml:space="preserve"> </w:t>
            </w:r>
            <w:r w:rsidRPr="007530A8">
              <w:rPr>
                <w:b/>
                <w:i/>
              </w:rPr>
              <w:t>rejsedokumenter, navnet på den udstedende myndighed</w:t>
            </w:r>
            <w:r w:rsidRPr="007530A8">
              <w:t xml:space="preserve"> samt i de tilfælde, </w:t>
            </w:r>
            <w:r w:rsidRPr="007530A8">
              <w:lastRenderedPageBreak/>
              <w:t xml:space="preserve">der er omhandlet </w:t>
            </w:r>
            <w:r w:rsidRPr="007530A8">
              <w:t>i stk. 1, litra c), koden på domsstaten. De resterende ECRIS-TCN-data lagres i det centrale ECRIS-TCN-system."</w:t>
            </w:r>
          </w:p>
        </w:tc>
      </w:tr>
    </w:tbl>
    <w:p w:rsidR="003C1E67" w:rsidRPr="007530A8" w:rsidRDefault="007530A8" w:rsidP="003C1E67">
      <w:pPr>
        <w:pStyle w:val="AmOrLang"/>
      </w:pPr>
      <w:r w:rsidRPr="007530A8">
        <w:lastRenderedPageBreak/>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24</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 xml:space="preserve">Artikel </w:t>
      </w:r>
      <w:r w:rsidRPr="007530A8">
        <w:t>2 – stk. 1 – nr. 4 –litra b a (nyt)</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5 – stk. 6 a (nyt)</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3C1E67" w:rsidP="00FC1640">
            <w:pPr>
              <w:pStyle w:val="Normal6a"/>
            </w:pPr>
          </w:p>
        </w:tc>
        <w:tc>
          <w:tcPr>
            <w:tcW w:w="4876" w:type="dxa"/>
          </w:tcPr>
          <w:p w:rsidR="003C1E67" w:rsidRPr="007530A8" w:rsidRDefault="007530A8" w:rsidP="00FC1640">
            <w:pPr>
              <w:pStyle w:val="Normal6a"/>
              <w:rPr>
                <w:b/>
                <w:szCs w:val="24"/>
              </w:rPr>
            </w:pPr>
            <w:r w:rsidRPr="007530A8">
              <w:rPr>
                <w:b/>
                <w:i/>
              </w:rPr>
              <w:t>ba)</w:t>
            </w:r>
            <w:r w:rsidRPr="007530A8">
              <w:rPr>
                <w:b/>
                <w:i/>
              </w:rPr>
              <w:tab/>
              <w:t>Følgende stykke tilføjes:</w:t>
            </w:r>
          </w:p>
        </w:tc>
      </w:tr>
      <w:tr w:rsidR="006743F5" w:rsidRPr="007530A8" w:rsidTr="00FC1640">
        <w:trPr>
          <w:jc w:val="center"/>
        </w:trPr>
        <w:tc>
          <w:tcPr>
            <w:tcW w:w="4876" w:type="dxa"/>
          </w:tcPr>
          <w:p w:rsidR="003C1E67" w:rsidRPr="007530A8" w:rsidRDefault="003C1E67" w:rsidP="00FC1640">
            <w:pPr>
              <w:pStyle w:val="Normal6a"/>
              <w:rPr>
                <w:b/>
                <w:bCs/>
                <w:i/>
                <w:iCs/>
              </w:rPr>
            </w:pPr>
          </w:p>
        </w:tc>
        <w:tc>
          <w:tcPr>
            <w:tcW w:w="4876" w:type="dxa"/>
          </w:tcPr>
          <w:p w:rsidR="003C1E67" w:rsidRPr="007530A8" w:rsidRDefault="007530A8" w:rsidP="00FC1640">
            <w:pPr>
              <w:pStyle w:val="Normal6a"/>
              <w:rPr>
                <w:b/>
                <w:bCs/>
                <w:i/>
                <w:iCs/>
              </w:rPr>
            </w:pPr>
            <w:r w:rsidRPr="007530A8">
              <w:rPr>
                <w:b/>
                <w:bCs/>
                <w:i/>
                <w:iCs/>
              </w:rPr>
              <w:t>6a.</w:t>
            </w:r>
            <w:r w:rsidRPr="007530A8">
              <w:rPr>
                <w:b/>
                <w:bCs/>
                <w:i/>
                <w:iCs/>
              </w:rPr>
              <w:tab/>
            </w:r>
            <w:r w:rsidRPr="007530A8">
              <w:rPr>
                <w:b/>
                <w:bCs/>
                <w:i/>
                <w:iCs/>
              </w:rPr>
              <w:t xml:space="preserve">Domsstatens eller domsstaternes flag og kode som omhandlet i stk. 1, litra c), er kun tilgængelige og søgbare i det centrale ETIAS-system med henblik på kontrol i henhold til nærværende forordnings artikel 7a, sammenholdt med artikel 20, stk. 2, litra n), </w:t>
            </w:r>
            <w:r w:rsidRPr="007530A8">
              <w:rPr>
                <w:b/>
                <w:bCs/>
                <w:i/>
                <w:iCs/>
              </w:rPr>
              <w:t>i forordning (EU) 2018/1240, når der fås et hit efter den automatiske behandling, der er omhandlet i artikel 11 i nævnte forordning.</w:t>
            </w:r>
          </w:p>
        </w:tc>
      </w:tr>
      <w:tr w:rsidR="006743F5" w:rsidRPr="007530A8" w:rsidTr="00FC1640">
        <w:trPr>
          <w:jc w:val="center"/>
        </w:trPr>
        <w:tc>
          <w:tcPr>
            <w:tcW w:w="4876" w:type="dxa"/>
          </w:tcPr>
          <w:p w:rsidR="003C1E67" w:rsidRPr="007530A8" w:rsidRDefault="003C1E67" w:rsidP="00FC1640">
            <w:pPr>
              <w:pStyle w:val="Normal6a"/>
            </w:pPr>
          </w:p>
        </w:tc>
        <w:tc>
          <w:tcPr>
            <w:tcW w:w="4876" w:type="dxa"/>
          </w:tcPr>
          <w:p w:rsidR="003C1E67" w:rsidRPr="007530A8" w:rsidRDefault="007530A8" w:rsidP="00FC1640">
            <w:pPr>
              <w:pStyle w:val="Normal6a"/>
              <w:rPr>
                <w:b/>
                <w:i/>
              </w:rPr>
            </w:pPr>
            <w:r w:rsidRPr="007530A8">
              <w:rPr>
                <w:b/>
                <w:i/>
              </w:rPr>
              <w:t>Med forbehold af første afsnit må påtegninger og domsstatens eller domsstaternes kode som omhandlet i stk. 1, litra c), i</w:t>
            </w:r>
            <w:r w:rsidRPr="007530A8">
              <w:rPr>
                <w:b/>
                <w:i/>
              </w:rPr>
              <w:t>kke være synlige for nogen anden myndighed end den centrale myndighed i den domsstat, der har oprettet den påtegnede post.</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25</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w:t>
      </w:r>
      <w:r w:rsidRPr="007530A8">
        <w:rPr>
          <w:rStyle w:val="HideTWBExt"/>
          <w:b w:val="0"/>
          <w:noProof w:val="0"/>
        </w:rPr>
        <w:t>cle&gt;</w:t>
      </w:r>
      <w:r w:rsidRPr="007530A8">
        <w:t>Artikel 2 – stk. 1 – nr. 5</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rPr>
          <w:bCs/>
        </w:rPr>
        <w:t xml:space="preserve">Artikel 7 </w:t>
      </w:r>
      <w:r w:rsidRPr="007530A8">
        <w:t xml:space="preserve">– </w:t>
      </w:r>
      <w:r w:rsidRPr="007530A8">
        <w:rPr>
          <w:bCs/>
        </w:rPr>
        <w:t>stk. 5</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5)</w:t>
            </w:r>
            <w:r w:rsidRPr="007530A8">
              <w:tab/>
              <w:t xml:space="preserve">Artikel 7, stk. </w:t>
            </w:r>
            <w:r w:rsidRPr="007530A8">
              <w:rPr>
                <w:b/>
                <w:i/>
              </w:rPr>
              <w:t>5</w:t>
            </w:r>
            <w:r w:rsidRPr="007530A8">
              <w:t>, affattes således:</w:t>
            </w:r>
          </w:p>
        </w:tc>
        <w:tc>
          <w:tcPr>
            <w:tcW w:w="4876" w:type="dxa"/>
          </w:tcPr>
          <w:p w:rsidR="003C1E67" w:rsidRPr="007530A8" w:rsidRDefault="007530A8" w:rsidP="00FC1640">
            <w:pPr>
              <w:pStyle w:val="Normal6a"/>
              <w:rPr>
                <w:szCs w:val="24"/>
              </w:rPr>
            </w:pPr>
            <w:r w:rsidRPr="007530A8">
              <w:t>(5)</w:t>
            </w:r>
            <w:r w:rsidRPr="007530A8">
              <w:tab/>
              <w:t xml:space="preserve">Artikel 7, stk. </w:t>
            </w:r>
            <w:r w:rsidRPr="007530A8">
              <w:rPr>
                <w:b/>
                <w:i/>
              </w:rPr>
              <w:t>7</w:t>
            </w:r>
            <w:r w:rsidRPr="007530A8">
              <w:t>, affattes således:</w:t>
            </w:r>
          </w:p>
        </w:tc>
      </w:tr>
      <w:tr w:rsidR="006743F5" w:rsidRPr="007530A8" w:rsidTr="00FC1640">
        <w:trPr>
          <w:jc w:val="center"/>
        </w:trPr>
        <w:tc>
          <w:tcPr>
            <w:tcW w:w="4876" w:type="dxa"/>
          </w:tcPr>
          <w:p w:rsidR="003C1E67" w:rsidRPr="007530A8" w:rsidRDefault="007530A8" w:rsidP="00FC1640">
            <w:pPr>
              <w:pStyle w:val="Normal6a"/>
            </w:pPr>
            <w:r w:rsidRPr="007530A8">
              <w:t>"</w:t>
            </w:r>
            <w:r w:rsidRPr="007530A8">
              <w:rPr>
                <w:b/>
                <w:i/>
              </w:rPr>
              <w:t>5</w:t>
            </w:r>
            <w:r w:rsidRPr="007530A8">
              <w:t>.</w:t>
            </w:r>
            <w:r w:rsidRPr="007530A8">
              <w:tab/>
              <w:t>I tilfælde af et hit oplyser det centrale system [eller det fælles identitetsregister] automatisk den kompetente myndighed om, hvilken medlemsstat eller hvilke medlemsstater der ligger inde med strafferegisteroplysninger om tredjelandsstatsborgeren, samme</w:t>
            </w:r>
            <w:r w:rsidRPr="007530A8">
              <w:t>n med det eller de dertil knyttede referencenumre</w:t>
            </w:r>
            <w:r w:rsidRPr="007530A8">
              <w:rPr>
                <w:b/>
                <w:i/>
              </w:rPr>
              <w:t>, der er omhandlet i artikel 5, stk. 1,</w:t>
            </w:r>
            <w:r w:rsidRPr="007530A8">
              <w:t xml:space="preserve"> og eventuelle dertil hørende identitetsoplysninger. Sådanne identitetsoplysninger må kun anvendes til kontrol af den pågældende tredjelandsstatsborgers identitet. Resu</w:t>
            </w:r>
            <w:r w:rsidRPr="007530A8">
              <w:t xml:space="preserve">ltatet af søgningen i det centrale system må kun anvendes til at foretage en anmodning i medfør af artikel 6 i rammeafgørelse 2009/315/RIA, en forespørgsel som omhandlet i denne forordnings artikel </w:t>
            </w:r>
            <w:r w:rsidRPr="007530A8">
              <w:rPr>
                <w:b/>
                <w:i/>
              </w:rPr>
              <w:t>16</w:t>
            </w:r>
            <w:r w:rsidRPr="007530A8">
              <w:t xml:space="preserve">, stk. </w:t>
            </w:r>
            <w:r w:rsidRPr="007530A8">
              <w:rPr>
                <w:b/>
                <w:i/>
              </w:rPr>
              <w:t>4</w:t>
            </w:r>
            <w:r w:rsidRPr="007530A8">
              <w:t xml:space="preserve">, eller med henblik på </w:t>
            </w:r>
            <w:r w:rsidRPr="007530A8">
              <w:rPr>
                <w:b/>
                <w:i/>
              </w:rPr>
              <w:t>grænseforvaltning [og til</w:t>
            </w:r>
            <w:r w:rsidRPr="007530A8">
              <w:rPr>
                <w:b/>
                <w:i/>
              </w:rPr>
              <w:t xml:space="preserve"> </w:t>
            </w:r>
            <w:r w:rsidRPr="007530A8">
              <w:t xml:space="preserve">at lette og bistå med en korrekt identifikation af personer </w:t>
            </w:r>
            <w:r w:rsidRPr="007530A8">
              <w:rPr>
                <w:b/>
                <w:i/>
              </w:rPr>
              <w:t>registreret ECRIS-TCN-systemet]</w:t>
            </w:r>
            <w:r w:rsidRPr="007530A8">
              <w:t>."</w:t>
            </w:r>
          </w:p>
        </w:tc>
        <w:tc>
          <w:tcPr>
            <w:tcW w:w="4876" w:type="dxa"/>
          </w:tcPr>
          <w:p w:rsidR="003C1E67" w:rsidRPr="007530A8" w:rsidRDefault="007530A8" w:rsidP="00FC1640">
            <w:pPr>
              <w:pStyle w:val="Normal6a"/>
            </w:pPr>
            <w:r w:rsidRPr="007530A8">
              <w:t>"</w:t>
            </w:r>
            <w:r w:rsidRPr="007530A8">
              <w:rPr>
                <w:b/>
                <w:i/>
              </w:rPr>
              <w:t>7</w:t>
            </w:r>
            <w:r w:rsidRPr="007530A8">
              <w:t>.</w:t>
            </w:r>
            <w:r w:rsidRPr="007530A8">
              <w:tab/>
              <w:t>I tilfælde af et hit oplyser det centrale system [eller det fælles identitetsregister] automatisk den kompetente myndighed om, hvilken medlemsstat eller hvil</w:t>
            </w:r>
            <w:r w:rsidRPr="007530A8">
              <w:t>ke medlemsstater der ligger inde med strafferegisteroplysninger om tredjelandsstatsborgeren, sammen med det eller de dertil knyttede referencenumre og eventuelle dertil hørende identitetsoplysninger. Sådanne identitetsoplysninger må kun anvendes til kontro</w:t>
            </w:r>
            <w:r w:rsidRPr="007530A8">
              <w:t>l af den pågældende tredjelandsstatsborgers identitet. Resultatet af søgningen i det centrale system må kun anvendes til at foretage en anmodning i medfør af artikel 6 i rammeafgørelse 2009/315/RIA, en forespørgsel som omhandlet i denne forordnings artikel</w:t>
            </w:r>
            <w:r w:rsidRPr="007530A8">
              <w:t xml:space="preserve"> </w:t>
            </w:r>
            <w:r w:rsidRPr="007530A8">
              <w:rPr>
                <w:b/>
                <w:i/>
              </w:rPr>
              <w:t>17</w:t>
            </w:r>
            <w:r w:rsidRPr="007530A8">
              <w:t xml:space="preserve">, stk. </w:t>
            </w:r>
            <w:r w:rsidRPr="007530A8">
              <w:rPr>
                <w:b/>
                <w:i/>
              </w:rPr>
              <w:t>3</w:t>
            </w:r>
            <w:r w:rsidRPr="007530A8">
              <w:t xml:space="preserve">, eller med henblik på at lette og bistå med en korrekt identifikation af personer </w:t>
            </w:r>
            <w:r w:rsidRPr="007530A8">
              <w:rPr>
                <w:b/>
                <w:i/>
              </w:rPr>
              <w:t>og med henblik på at støtte målet i henhold til forordning (EU) 2018/1240 om at fastslå, om tilstedeværelsen af ETIAS-ansøgere på medlemsstaternes område ville ud</w:t>
            </w:r>
            <w:r w:rsidRPr="007530A8">
              <w:rPr>
                <w:b/>
                <w:i/>
              </w:rPr>
              <w:t>gøre en sikkerhedsrisiko</w:t>
            </w:r>
            <w:r w:rsidRPr="007530A8">
              <w:t>."</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26</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6</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7a – stk. 1</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1.</w:t>
            </w:r>
            <w:r w:rsidRPr="007530A8">
              <w:tab/>
              <w:t xml:space="preserve">Den centrale ETIAS-enhed, </w:t>
            </w:r>
            <w:r w:rsidRPr="007530A8">
              <w:rPr>
                <w:b/>
                <w:i/>
              </w:rPr>
              <w:t>der blev oprettet i Det Europæiske Agentur for Grænse- og Kystbevogtning,</w:t>
            </w:r>
            <w:r w:rsidRPr="007530A8">
              <w:t xml:space="preserve"> jf. artikel 7 i forordning (EU) 2018/1240, har med henblik på at udføre</w:t>
            </w:r>
            <w:r w:rsidRPr="007530A8">
              <w:t xml:space="preserve"> de opgaver, der er </w:t>
            </w:r>
            <w:r w:rsidRPr="007530A8">
              <w:lastRenderedPageBreak/>
              <w:t xml:space="preserve">pålagt den ved forordning (EU) 2018/1240, ret til at tilgå og søge ECRIC-TCN-oplysninger i </w:t>
            </w:r>
            <w:r w:rsidRPr="007530A8">
              <w:rPr>
                <w:b/>
                <w:i/>
              </w:rPr>
              <w:t>[</w:t>
            </w:r>
            <w:r w:rsidRPr="007530A8">
              <w:t>det fælles identitetsregister</w:t>
            </w:r>
            <w:r w:rsidRPr="007530A8">
              <w:rPr>
                <w:b/>
                <w:i/>
              </w:rPr>
              <w:t>]</w:t>
            </w:r>
            <w:r w:rsidRPr="007530A8">
              <w:t>. Den må dog kun tilgå dataposter, hvortil der er tilføjet en påtegning, jf. forordningens artikel 5, stk. 1, litr</w:t>
            </w:r>
            <w:r w:rsidRPr="007530A8">
              <w:t>a c).</w:t>
            </w:r>
          </w:p>
        </w:tc>
        <w:tc>
          <w:tcPr>
            <w:tcW w:w="4876" w:type="dxa"/>
          </w:tcPr>
          <w:p w:rsidR="003C1E67" w:rsidRPr="007530A8" w:rsidRDefault="007530A8" w:rsidP="00FC1640">
            <w:pPr>
              <w:pStyle w:val="Normal6a"/>
              <w:rPr>
                <w:szCs w:val="24"/>
              </w:rPr>
            </w:pPr>
            <w:r w:rsidRPr="007530A8">
              <w:lastRenderedPageBreak/>
              <w:t>1.</w:t>
            </w:r>
            <w:r w:rsidRPr="007530A8">
              <w:tab/>
              <w:t>Den centrale ETIAS-enhed, jf. artikel 7 i forordning (EU) 2018/1240, har med henblik på at udføre de opgaver, der er pålagt den ved forordning (EU) 2018/1240, ret til at tilgå og søge ECRIC-TCN-</w:t>
            </w:r>
            <w:r w:rsidRPr="007530A8">
              <w:lastRenderedPageBreak/>
              <w:t>oplysninger i det fælles identitetsregister. Den må d</w:t>
            </w:r>
            <w:r w:rsidRPr="007530A8">
              <w:t>og kun tilgå dataposter, hvortil der er tilføjet en påtegning, jf. forordningens artikel 5, stk. 1, litra c).</w:t>
            </w:r>
          </w:p>
        </w:tc>
      </w:tr>
    </w:tbl>
    <w:p w:rsidR="003C1E67" w:rsidRPr="007530A8" w:rsidRDefault="007530A8" w:rsidP="003C1E67">
      <w:pPr>
        <w:pStyle w:val="AmOrLang"/>
      </w:pPr>
      <w:r w:rsidRPr="007530A8">
        <w:lastRenderedPageBreak/>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27</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w:t>
      </w:r>
      <w:r w:rsidRPr="007530A8">
        <w:t xml:space="preserve"> – stk. 1 – nr. 6</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7a – stk. 2</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2.</w:t>
            </w:r>
            <w:r w:rsidRPr="007530A8">
              <w:tab/>
            </w:r>
            <w:r w:rsidRPr="007530A8">
              <w:rPr>
                <w:b/>
                <w:i/>
              </w:rPr>
              <w:t>[</w:t>
            </w:r>
            <w:r w:rsidRPr="007530A8">
              <w:t>Det fælles identitetsregister</w:t>
            </w:r>
            <w:r w:rsidRPr="007530A8">
              <w:rPr>
                <w:b/>
                <w:i/>
              </w:rPr>
              <w:t>]</w:t>
            </w:r>
            <w:r w:rsidRPr="007530A8">
              <w:t xml:space="preserve"> kobles til </w:t>
            </w:r>
            <w:r w:rsidRPr="007530A8">
              <w:rPr>
                <w:b/>
                <w:i/>
              </w:rPr>
              <w:t xml:space="preserve">det værktøj, der er omhandlet i artikel 11 i </w:t>
            </w:r>
            <w:r w:rsidRPr="007530A8">
              <w:rPr>
                <w:b/>
                <w:i/>
              </w:rPr>
              <w:t>forordning (EU) 2018/1240,</w:t>
            </w:r>
            <w:r w:rsidRPr="007530A8">
              <w:t xml:space="preserve"> for at muliggøre den automatiserede behandling omhandlet i </w:t>
            </w:r>
            <w:r w:rsidRPr="007530A8">
              <w:rPr>
                <w:b/>
                <w:i/>
              </w:rPr>
              <w:t>samme</w:t>
            </w:r>
            <w:r w:rsidRPr="007530A8">
              <w:t xml:space="preserve"> artikel.</w:t>
            </w:r>
          </w:p>
        </w:tc>
        <w:tc>
          <w:tcPr>
            <w:tcW w:w="4876" w:type="dxa"/>
          </w:tcPr>
          <w:p w:rsidR="003C1E67" w:rsidRPr="007530A8" w:rsidRDefault="007530A8" w:rsidP="00FC1640">
            <w:pPr>
              <w:pStyle w:val="Normal6a"/>
              <w:rPr>
                <w:szCs w:val="24"/>
              </w:rPr>
            </w:pPr>
            <w:r w:rsidRPr="007530A8">
              <w:t>2.</w:t>
            </w:r>
            <w:r w:rsidRPr="007530A8">
              <w:tab/>
              <w:t xml:space="preserve">Det fælles identitetsregister kobles til </w:t>
            </w:r>
            <w:r w:rsidRPr="007530A8">
              <w:rPr>
                <w:b/>
                <w:i/>
              </w:rPr>
              <w:t>ESP</w:t>
            </w:r>
            <w:r w:rsidRPr="007530A8">
              <w:t xml:space="preserve"> for at muliggøre den automatiserede behandling, der er omhandlet i artikel</w:t>
            </w:r>
            <w:r w:rsidRPr="007530A8">
              <w:rPr>
                <w:b/>
                <w:i/>
              </w:rPr>
              <w:t xml:space="preserve"> 11 i forordning (EU) 2018/1240</w:t>
            </w:r>
            <w:r w:rsidRPr="007530A8">
              <w:t>.</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28</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6</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7a – stk. 3 – af</w:t>
      </w:r>
      <w:r w:rsidRPr="007530A8">
        <w:t>snit 2</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For at kunne foretage den kontrol, der er omhandlet i artikel 20, stk. 2, litra n),</w:t>
            </w:r>
            <w:r w:rsidRPr="007530A8">
              <w:rPr>
                <w:b/>
                <w:i/>
              </w:rPr>
              <w:t xml:space="preserve"> </w:t>
            </w:r>
            <w:r w:rsidRPr="007530A8">
              <w:t xml:space="preserve">i forordning (EU) 2018/1240, anvender det centrale ETIAS-system </w:t>
            </w:r>
            <w:r w:rsidRPr="007530A8">
              <w:rPr>
                <w:b/>
                <w:i/>
              </w:rPr>
              <w:t xml:space="preserve">det værktøj, der er omhandlet i artikel 11 i </w:t>
            </w:r>
            <w:r w:rsidRPr="007530A8">
              <w:rPr>
                <w:b/>
                <w:i/>
              </w:rPr>
              <w:t>forordning (EU) 2018/1240,</w:t>
            </w:r>
            <w:r w:rsidRPr="007530A8">
              <w:t xml:space="preserve"> til at sammenligne oplysninger i ETIAS med de oplysninger, der har en påtegning i ECRIS-TCN </w:t>
            </w:r>
            <w:r w:rsidRPr="007530A8">
              <w:rPr>
                <w:b/>
                <w:i/>
              </w:rPr>
              <w:cr/>
            </w:r>
            <w:r w:rsidRPr="007530A8">
              <w:rPr>
                <w:b/>
                <w:i/>
              </w:rPr>
              <w:br/>
              <w:t>[i</w:t>
            </w:r>
            <w:r w:rsidRPr="007530A8">
              <w:t xml:space="preserve"> det fælles identitetsregister], jf. nærværende forordnings artikel 5, stk. 1, </w:t>
            </w:r>
            <w:r w:rsidRPr="007530A8">
              <w:lastRenderedPageBreak/>
              <w:t>litra c), og artikel 11, stk. 8, i forordning (EU) 201</w:t>
            </w:r>
            <w:r w:rsidRPr="007530A8">
              <w:t>8/1240 ved brug af den sammenligningstabel, der findes i bilag II."</w:t>
            </w:r>
            <w:r w:rsidRPr="007530A8">
              <w:rPr>
                <w:b/>
                <w:i/>
              </w:rPr>
              <w:t xml:space="preserve"> </w:t>
            </w:r>
            <w:r w:rsidRPr="007530A8">
              <w:rPr>
                <w:b/>
                <w:i/>
              </w:rPr>
              <w:cr/>
            </w:r>
            <w:r w:rsidRPr="007530A8">
              <w:rPr>
                <w:b/>
                <w:i/>
              </w:rPr>
              <w:br/>
            </w:r>
          </w:p>
        </w:tc>
        <w:tc>
          <w:tcPr>
            <w:tcW w:w="4876" w:type="dxa"/>
          </w:tcPr>
          <w:p w:rsidR="003C1E67" w:rsidRPr="007530A8" w:rsidRDefault="007530A8" w:rsidP="00FC1640">
            <w:pPr>
              <w:pStyle w:val="Normal6a"/>
            </w:pPr>
            <w:r w:rsidRPr="007530A8">
              <w:lastRenderedPageBreak/>
              <w:t xml:space="preserve">For at kunne foretage den kontrol, der er omhandlet i artikel 20, stk. 2, litra n), i forordning (EU) 2018/1240, anvender det centrale ETIAS-system </w:t>
            </w:r>
            <w:r w:rsidRPr="007530A8">
              <w:rPr>
                <w:b/>
                <w:i/>
              </w:rPr>
              <w:t>ESP</w:t>
            </w:r>
            <w:r w:rsidRPr="007530A8">
              <w:t xml:space="preserve"> til at sammenligne oplysninger i </w:t>
            </w:r>
            <w:r w:rsidRPr="007530A8">
              <w:t xml:space="preserve">ETIAS med de oplysninger, der har en påtegning i ECRIS-TCN </w:t>
            </w:r>
            <w:r w:rsidRPr="007530A8">
              <w:rPr>
                <w:b/>
                <w:i/>
              </w:rPr>
              <w:t>[i</w:t>
            </w:r>
            <w:r w:rsidRPr="007530A8">
              <w:t xml:space="preserve"> det fælles identitetsregister], jf. nærværende forordnings artikel 5, stk. 1, litra c), og artikel 11, stk. 8, i forordning (EU) 2018/1240 ved brug af den </w:t>
            </w:r>
            <w:r w:rsidRPr="007530A8">
              <w:lastRenderedPageBreak/>
              <w:t>sammenligningstabel, der findes i bilag</w:t>
            </w:r>
            <w:r w:rsidRPr="007530A8">
              <w:t xml:space="preserve"> II."</w:t>
            </w:r>
          </w:p>
        </w:tc>
      </w:tr>
    </w:tbl>
    <w:p w:rsidR="003C1E67" w:rsidRPr="007530A8" w:rsidRDefault="007530A8" w:rsidP="003C1E67">
      <w:pPr>
        <w:pStyle w:val="AmOrLang"/>
      </w:pPr>
      <w:r w:rsidRPr="007530A8">
        <w:lastRenderedPageBreak/>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29</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 xml:space="preserve">Artikel 2 – stk. 1 – nr. 7 </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w:t>
      </w:r>
      <w:r w:rsidR="002C3D32" w:rsidRPr="007530A8">
        <w:t>kel</w:t>
      </w:r>
      <w:r w:rsidRPr="007530A8">
        <w:t xml:space="preserve"> 8 – stk. </w:t>
      </w:r>
      <w:r w:rsidRPr="007530A8">
        <w:t>2</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 xml:space="preserve">"2. </w:t>
            </w:r>
            <w:r w:rsidRPr="007530A8">
              <w:tab/>
            </w:r>
            <w:r w:rsidRPr="007530A8">
              <w:t xml:space="preserve">Ved udløbet af den i stk. 1 omhandlede lagringsperiode sletter domstatens centrale myndighed dataposten, herunder fingeraftryk, ansigtsbilleder eller påtegninger omhandlet i artikel 5, stk. 1, litra c), fra det centrale system </w:t>
            </w:r>
            <w:r w:rsidRPr="007530A8">
              <w:rPr>
                <w:b/>
                <w:i/>
              </w:rPr>
              <w:t>[</w:t>
            </w:r>
            <w:r w:rsidRPr="007530A8">
              <w:t>og det fælles identitetsregi</w:t>
            </w:r>
            <w:r w:rsidRPr="007530A8">
              <w:t>ster</w:t>
            </w:r>
            <w:r w:rsidRPr="007530A8">
              <w:rPr>
                <w:b/>
                <w:i/>
              </w:rPr>
              <w:t>]</w:t>
            </w:r>
            <w:r w:rsidRPr="007530A8">
              <w:t>. I de tilfælde, hvor oplysningerne vedrørende en straffedom for en terrorhandling eller en anden alvorlig strafbar handling som omhandlet i artikel 5, stk. 1, litra c),</w:t>
            </w:r>
            <w:r w:rsidRPr="007530A8">
              <w:rPr>
                <w:b/>
                <w:i/>
              </w:rPr>
              <w:t xml:space="preserve"> </w:t>
            </w:r>
            <w:r w:rsidRPr="007530A8">
              <w:t xml:space="preserve">slettes fra det nationale strafferegister, men oplysninger om andre straffedomme </w:t>
            </w:r>
            <w:r w:rsidRPr="007530A8">
              <w:t xml:space="preserve">afsagt over samme person bevares, fjernes kun den i artikel 5, stk. 1, litra c), omhandlede påtegning fra dataposten. Denne sletning skal om muligt ske automatisk og under alle omstændigheder senest en måned efter lagringsperiodens udløb." </w:t>
            </w:r>
          </w:p>
        </w:tc>
        <w:tc>
          <w:tcPr>
            <w:tcW w:w="4876" w:type="dxa"/>
          </w:tcPr>
          <w:p w:rsidR="003C1E67" w:rsidRPr="007530A8" w:rsidRDefault="007530A8" w:rsidP="00FC1640">
            <w:pPr>
              <w:pStyle w:val="Normal6a"/>
              <w:rPr>
                <w:szCs w:val="24"/>
              </w:rPr>
            </w:pPr>
            <w:r w:rsidRPr="007530A8">
              <w:t xml:space="preserve">"2. </w:t>
            </w:r>
            <w:r w:rsidRPr="007530A8">
              <w:tab/>
              <w:t>Ved udløbe</w:t>
            </w:r>
            <w:r w:rsidRPr="007530A8">
              <w:t xml:space="preserve">t af den i stk. 1 omhandlede lagringsperiode sletter domstatens centrale myndighed dataposten, herunder fingeraftryk, ansigtsbilleder eller påtegninger omhandlet i artikel 5, stk. 1, litra c), fra det centrale system og det fælles identitetsregister. I de </w:t>
            </w:r>
            <w:r w:rsidRPr="007530A8">
              <w:t xml:space="preserve">tilfælde, hvor oplysningerne vedrørende en straffedom for en terrorhandling eller en anden alvorlig strafbar handling som omhandlet i artikel 5, stk. 1, litra c), slettes fra det nationale strafferegister, men oplysninger om andre straffedomme afsagt over </w:t>
            </w:r>
            <w:r w:rsidRPr="007530A8">
              <w:t>samme person bevares, fjernes kun den i artikel 5, stk. 1, litra c), omhandlede påtegning fra dataposten. Denne sletning skal om muligt ske automatisk og under alle omstændigheder senest en måned efter lagringsperiodens udløb."</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w:t>
      </w:r>
      <w:r w:rsidRPr="007530A8">
        <w:rPr>
          <w:rStyle w:val="HideTWBExt"/>
          <w:rFonts w:eastAsiaTheme="majorEastAsia"/>
          <w:noProof w:val="0"/>
        </w:rPr>
        <w:t>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lastRenderedPageBreak/>
        <w:t>&lt;Amend&gt;</w:t>
      </w:r>
      <w:r w:rsidRPr="007530A8">
        <w:t>Ændringsforslag</w:t>
      </w:r>
      <w:r w:rsidRPr="007530A8">
        <w:tab/>
      </w:r>
      <w:r w:rsidRPr="007530A8">
        <w:tab/>
      </w:r>
      <w:r w:rsidRPr="007530A8">
        <w:rPr>
          <w:rStyle w:val="HideTWBExt"/>
          <w:b w:val="0"/>
          <w:noProof w:val="0"/>
        </w:rPr>
        <w:t>&lt;NumAm&gt;</w:t>
      </w:r>
      <w:r w:rsidRPr="007530A8">
        <w:t>30</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8</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22 – stk. 1</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 xml:space="preserve">Kommissionens </w:t>
            </w:r>
            <w:r w:rsidRPr="007530A8">
              <w:t>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8)</w:t>
            </w:r>
            <w:r w:rsidRPr="007530A8">
              <w:tab/>
              <w:t xml:space="preserve">Artikel 22, stk. 1, affattes således: </w:t>
            </w:r>
          </w:p>
        </w:tc>
        <w:tc>
          <w:tcPr>
            <w:tcW w:w="4876" w:type="dxa"/>
          </w:tcPr>
          <w:p w:rsidR="003C1E67" w:rsidRPr="007530A8" w:rsidRDefault="007530A8" w:rsidP="00FC1640">
            <w:pPr>
              <w:pStyle w:val="Normal6a"/>
              <w:rPr>
                <w:szCs w:val="24"/>
              </w:rPr>
            </w:pPr>
            <w:r w:rsidRPr="007530A8">
              <w:t>(8)</w:t>
            </w:r>
            <w:r w:rsidRPr="007530A8">
              <w:tab/>
              <w:t>Artikel 24, stk. 1, affattes således:</w:t>
            </w:r>
          </w:p>
        </w:tc>
      </w:tr>
      <w:tr w:rsidR="006743F5" w:rsidRPr="007530A8" w:rsidTr="00FC1640">
        <w:trPr>
          <w:jc w:val="center"/>
        </w:trPr>
        <w:tc>
          <w:tcPr>
            <w:tcW w:w="4876" w:type="dxa"/>
          </w:tcPr>
          <w:p w:rsidR="003C1E67" w:rsidRPr="007530A8" w:rsidRDefault="007530A8" w:rsidP="00FC1640">
            <w:pPr>
              <w:pStyle w:val="Normal6a"/>
            </w:pPr>
            <w:r w:rsidRPr="007530A8">
              <w:t>"1.</w:t>
            </w:r>
            <w:r w:rsidRPr="007530A8">
              <w:tab/>
              <w:t xml:space="preserve">De oplysninger, der er indeholdt i det centrale system </w:t>
            </w:r>
            <w:r w:rsidRPr="007530A8">
              <w:rPr>
                <w:b/>
                <w:i/>
              </w:rPr>
              <w:t>[</w:t>
            </w:r>
            <w:r w:rsidRPr="007530A8">
              <w:t>og det fælles identitetsregister</w:t>
            </w:r>
            <w:r w:rsidRPr="007530A8">
              <w:rPr>
                <w:b/>
                <w:i/>
              </w:rPr>
              <w:t>]</w:t>
            </w:r>
            <w:r w:rsidRPr="007530A8">
              <w:t xml:space="preserve">, må kun behandles med henblik på bestemmelse af, hvilken eller hvilke medlemsstater der ligger inde med </w:t>
            </w:r>
            <w:r w:rsidR="002C3D32" w:rsidRPr="007530A8">
              <w:t>oplysninger</w:t>
            </w:r>
            <w:r w:rsidRPr="007530A8">
              <w:t xml:space="preserve"> om straffedomme afsagt over tredjelandsstatsborgere, og med henblik på </w:t>
            </w:r>
            <w:r w:rsidRPr="007530A8">
              <w:rPr>
                <w:b/>
                <w:i/>
              </w:rPr>
              <w:t>grænseforvaltning [og på at lette og bistå med korrekt identifikation</w:t>
            </w:r>
            <w:r w:rsidRPr="007530A8">
              <w:rPr>
                <w:b/>
                <w:i/>
              </w:rPr>
              <w:t xml:space="preserve"> af personer, der er registreret i ECRIS-TCN-systemet]</w:t>
            </w:r>
            <w:r w:rsidRPr="007530A8">
              <w:t>."</w:t>
            </w:r>
          </w:p>
        </w:tc>
        <w:tc>
          <w:tcPr>
            <w:tcW w:w="4876" w:type="dxa"/>
          </w:tcPr>
          <w:p w:rsidR="003C1E67" w:rsidRPr="007530A8" w:rsidRDefault="007530A8" w:rsidP="00FC1640">
            <w:pPr>
              <w:pStyle w:val="Normal6a"/>
            </w:pPr>
            <w:r w:rsidRPr="007530A8">
              <w:t>"1.</w:t>
            </w:r>
            <w:r w:rsidRPr="007530A8">
              <w:tab/>
              <w:t>De oplysninger, der er indeholdt i det centrale system og det fælles identitetsregister, må kun behandles med henblik på bestemmelse af, hvilken eller hvilke medlemsstater der ligger inde med opl</w:t>
            </w:r>
            <w:r w:rsidRPr="007530A8">
              <w:t xml:space="preserve">ysninger om straffedomme afsagt over tredjelandsstatsborgere, og med henblik på </w:t>
            </w:r>
            <w:r w:rsidRPr="007530A8">
              <w:rPr>
                <w:b/>
                <w:i/>
              </w:rPr>
              <w:t>at lette og bistå med en korrekt identifikation af personer samt med henblik på at støtte målet i henhold til forordning (EU) 2018/1240 om at fastslå, om tilstedeværelsen af ET</w:t>
            </w:r>
            <w:r w:rsidRPr="007530A8">
              <w:rPr>
                <w:b/>
                <w:i/>
              </w:rPr>
              <w:t>IAS-ansøgere på medlemsstaternes område ville udgøre en sikkerhedsrisiko</w:t>
            </w:r>
            <w:r w:rsidRPr="007530A8">
              <w:t>."</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31</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9</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30 – stk. 4 –afsnit 2</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rPr>
                <w:b/>
                <w:i/>
              </w:rPr>
              <w:t>(9)</w:t>
            </w:r>
            <w:r w:rsidRPr="007530A8">
              <w:tab/>
              <w:t xml:space="preserve">Artikel </w:t>
            </w:r>
            <w:r w:rsidRPr="007530A8">
              <w:rPr>
                <w:b/>
                <w:i/>
              </w:rPr>
              <w:t>30</w:t>
            </w:r>
            <w:r w:rsidRPr="007530A8">
              <w:t xml:space="preserve">, stk. </w:t>
            </w:r>
            <w:r w:rsidRPr="007530A8">
              <w:rPr>
                <w:b/>
                <w:i/>
              </w:rPr>
              <w:t>4</w:t>
            </w:r>
            <w:r w:rsidRPr="007530A8">
              <w:t>, andet afsnit, affattes således:</w:t>
            </w:r>
          </w:p>
        </w:tc>
        <w:tc>
          <w:tcPr>
            <w:tcW w:w="4876" w:type="dxa"/>
          </w:tcPr>
          <w:p w:rsidR="003C1E67" w:rsidRPr="007530A8" w:rsidRDefault="007530A8" w:rsidP="00FC1640">
            <w:pPr>
              <w:pStyle w:val="Normal6a"/>
              <w:rPr>
                <w:szCs w:val="24"/>
              </w:rPr>
            </w:pPr>
            <w:r w:rsidRPr="007530A8">
              <w:t>(9)</w:t>
            </w:r>
            <w:r w:rsidRPr="007530A8">
              <w:tab/>
              <w:t xml:space="preserve">Artikel </w:t>
            </w:r>
            <w:r w:rsidRPr="007530A8">
              <w:rPr>
                <w:b/>
                <w:i/>
              </w:rPr>
              <w:t>32</w:t>
            </w:r>
            <w:r w:rsidRPr="007530A8">
              <w:t xml:space="preserve">, stk. </w:t>
            </w:r>
            <w:r w:rsidRPr="007530A8">
              <w:rPr>
                <w:b/>
                <w:i/>
              </w:rPr>
              <w:t>3</w:t>
            </w:r>
            <w:r w:rsidRPr="007530A8">
              <w:t>, andet afsnit, affattes således:</w:t>
            </w:r>
          </w:p>
        </w:tc>
      </w:tr>
      <w:tr w:rsidR="006743F5" w:rsidRPr="007530A8" w:rsidTr="00FC1640">
        <w:trPr>
          <w:jc w:val="center"/>
        </w:trPr>
        <w:tc>
          <w:tcPr>
            <w:tcW w:w="4876" w:type="dxa"/>
          </w:tcPr>
          <w:p w:rsidR="003C1E67" w:rsidRPr="007530A8" w:rsidRDefault="007530A8" w:rsidP="00FC1640">
            <w:pPr>
              <w:pStyle w:val="Normal6a"/>
            </w:pPr>
            <w:r w:rsidRPr="007530A8">
              <w:t xml:space="preserve">"Hver måned forelægger eu-LISA Kommissionen statistik </w:t>
            </w:r>
            <w:r w:rsidRPr="007530A8">
              <w:rPr>
                <w:b/>
                <w:i/>
              </w:rPr>
              <w:t xml:space="preserve">uden mulighed for individuel identifikation </w:t>
            </w:r>
            <w:r w:rsidRPr="007530A8">
              <w:t>vedrørende registrering, lagring og udveksling af oplysninger, der er trukket ud af strafferegistre ved hjælp af ECRIS-TCN-systemet og ECRIS-referencegennemfø</w:t>
            </w:r>
            <w:r w:rsidRPr="007530A8">
              <w:t xml:space="preserve">relsen, herunder </w:t>
            </w:r>
            <w:r w:rsidRPr="007530A8">
              <w:lastRenderedPageBreak/>
              <w:t>oplysninger om de dataposter, der omfatter en påtegning i henhold til artikel 5, stk. 1, litra c)."</w:t>
            </w:r>
          </w:p>
        </w:tc>
        <w:tc>
          <w:tcPr>
            <w:tcW w:w="4876" w:type="dxa"/>
          </w:tcPr>
          <w:p w:rsidR="003C1E67" w:rsidRPr="007530A8" w:rsidRDefault="007530A8" w:rsidP="00FC1640">
            <w:pPr>
              <w:pStyle w:val="Normal6a"/>
            </w:pPr>
            <w:r w:rsidRPr="007530A8">
              <w:lastRenderedPageBreak/>
              <w:t xml:space="preserve">"Hver måned forelægger eu-LISA Kommissionen statistik vedrørende registrering, lagring og udveksling af oplysninger, der er trukket ud af </w:t>
            </w:r>
            <w:r w:rsidRPr="007530A8">
              <w:t xml:space="preserve">strafferegistre ved hjælp af ECRIS-TCN-systemet og ECRIS-referencegennemførelsen, herunder oplysninger om de dataposter, der omfatter </w:t>
            </w:r>
            <w:r w:rsidRPr="007530A8">
              <w:lastRenderedPageBreak/>
              <w:t>en påtegning i henhold til artikel 5, stk. 1, litra c)</w:t>
            </w:r>
            <w:r w:rsidRPr="007530A8">
              <w:rPr>
                <w:b/>
                <w:i/>
              </w:rPr>
              <w:t>.</w:t>
            </w:r>
            <w:r w:rsidRPr="007530A8">
              <w:t xml:space="preserve"> </w:t>
            </w:r>
            <w:r w:rsidRPr="007530A8">
              <w:rPr>
                <w:b/>
                <w:i/>
              </w:rPr>
              <w:t>eu-LISA sikrer, at det ikke er muligt at identificere enkeltperson</w:t>
            </w:r>
            <w:r w:rsidRPr="007530A8">
              <w:rPr>
                <w:b/>
                <w:i/>
              </w:rPr>
              <w:t>er på grundlag af denne statistik. Efter anmodning fra Kommissionen forsyner eu-LISA denne med statistik om særlige aspekter i forbindelse med gennemførelsen af denne forordning</w:t>
            </w:r>
            <w:r w:rsidRPr="007530A8">
              <w:t>."</w:t>
            </w:r>
          </w:p>
        </w:tc>
      </w:tr>
    </w:tbl>
    <w:p w:rsidR="003C1E67" w:rsidRPr="007530A8" w:rsidRDefault="007530A8" w:rsidP="003C1E67">
      <w:pPr>
        <w:pStyle w:val="AmOrLang"/>
      </w:pPr>
      <w:r w:rsidRPr="007530A8">
        <w:lastRenderedPageBreak/>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32</w:t>
      </w:r>
      <w:r w:rsidRPr="007530A8">
        <w:rPr>
          <w:rStyle w:val="HideTWBExt"/>
          <w:b w:val="0"/>
          <w:noProof w:val="0"/>
        </w:rPr>
        <w:t>&lt;</w:t>
      </w:r>
      <w:r w:rsidRPr="007530A8">
        <w:rPr>
          <w:rStyle w:val="HideTWBExt"/>
          <w:b w:val="0"/>
          <w:noProof w:val="0"/>
        </w:rPr>
        <w: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10</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29a – overskrift</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rPr>
                <w:bCs/>
              </w:rPr>
              <w:t>Opbevaring af logfiler</w:t>
            </w:r>
            <w:r w:rsidRPr="007530A8">
              <w:rPr>
                <w:bCs/>
              </w:rPr>
              <w:t xml:space="preserve"> med henblik på ETIAS</w:t>
            </w:r>
          </w:p>
        </w:tc>
        <w:tc>
          <w:tcPr>
            <w:tcW w:w="4876" w:type="dxa"/>
          </w:tcPr>
          <w:p w:rsidR="003C1E67" w:rsidRPr="007530A8" w:rsidRDefault="007530A8" w:rsidP="00FC1640">
            <w:pPr>
              <w:pStyle w:val="Normal6a"/>
              <w:rPr>
                <w:szCs w:val="24"/>
              </w:rPr>
            </w:pPr>
            <w:r w:rsidRPr="007530A8">
              <w:rPr>
                <w:bCs/>
              </w:rPr>
              <w:t xml:space="preserve">Opbevaring af logfiler med henblik på </w:t>
            </w:r>
            <w:r w:rsidRPr="007530A8">
              <w:rPr>
                <w:b/>
                <w:bCs/>
                <w:i/>
              </w:rPr>
              <w:t>interoperabilitet med</w:t>
            </w:r>
            <w:r w:rsidRPr="007530A8">
              <w:rPr>
                <w:bCs/>
              </w:rPr>
              <w:t xml:space="preserve"> ETIAS</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33</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point 10</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29a – stk. 1</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pPr>
            <w:r w:rsidRPr="007530A8">
              <w:t xml:space="preserve">Med henblik på de søgninger, der er omhandlet i dennes forordnings artikel 7a, opbevares der en logfil for hver ECRIS-TCN-databehandling, der foretages i </w:t>
            </w:r>
            <w:r w:rsidRPr="007530A8">
              <w:rPr>
                <w:b/>
                <w:i/>
              </w:rPr>
              <w:t>[</w:t>
            </w:r>
            <w:r w:rsidRPr="007530A8">
              <w:t>det fælles identitetsregister</w:t>
            </w:r>
            <w:r w:rsidRPr="007530A8">
              <w:rPr>
                <w:b/>
                <w:i/>
              </w:rPr>
              <w:t>]</w:t>
            </w:r>
            <w:r w:rsidRPr="007530A8">
              <w:t xml:space="preserve"> og ETIAS, jf. artikel 69 i forordning (EU) 2018/1240."</w:t>
            </w:r>
          </w:p>
        </w:tc>
        <w:tc>
          <w:tcPr>
            <w:tcW w:w="4876" w:type="dxa"/>
          </w:tcPr>
          <w:p w:rsidR="003C1E67" w:rsidRPr="007530A8" w:rsidRDefault="007530A8" w:rsidP="00FC1640">
            <w:pPr>
              <w:pStyle w:val="Normal6a"/>
              <w:rPr>
                <w:szCs w:val="24"/>
              </w:rPr>
            </w:pPr>
            <w:r w:rsidRPr="007530A8">
              <w:t xml:space="preserve">Med henblik på </w:t>
            </w:r>
            <w:r w:rsidRPr="007530A8">
              <w:t>de søgninger, der er omhandlet i dennes forordnings artikel 7a, opbevares der en logfil for hver ECRIS-TCN-databehandling, der foretages i det fælles identitetsregister og ETIAS, jf. artikel 69 i forordning (EU) 2018/1240."</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lastRenderedPageBreak/>
        <w:t>&lt;Amend&gt;</w:t>
      </w:r>
      <w:r w:rsidRPr="007530A8">
        <w:t>Ændringsforslag</w:t>
      </w:r>
      <w:r w:rsidRPr="007530A8">
        <w:tab/>
      </w:r>
      <w:r w:rsidRPr="007530A8">
        <w:tab/>
      </w:r>
      <w:r w:rsidRPr="007530A8">
        <w:rPr>
          <w:rStyle w:val="HideTWBExt"/>
          <w:b w:val="0"/>
          <w:noProof w:val="0"/>
        </w:rPr>
        <w:t>&lt;NumAm&gt;</w:t>
      </w:r>
      <w:r w:rsidRPr="007530A8">
        <w:t>34</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10 a (nyt)</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Artikel 36 – stk. 10 – litra a a (nyt)</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3C1E67" w:rsidP="00FC1640">
            <w:pPr>
              <w:pStyle w:val="Normal6a"/>
              <w:rPr>
                <w:b/>
                <w:bCs/>
                <w:i/>
                <w:iCs/>
              </w:rPr>
            </w:pPr>
          </w:p>
        </w:tc>
        <w:tc>
          <w:tcPr>
            <w:tcW w:w="4876" w:type="dxa"/>
          </w:tcPr>
          <w:p w:rsidR="003C1E67" w:rsidRPr="007530A8" w:rsidRDefault="007530A8" w:rsidP="00FC1640">
            <w:pPr>
              <w:pStyle w:val="Normal6a"/>
              <w:rPr>
                <w:b/>
                <w:bCs/>
                <w:i/>
                <w:iCs/>
              </w:rPr>
            </w:pPr>
            <w:r w:rsidRPr="007530A8">
              <w:rPr>
                <w:b/>
                <w:bCs/>
                <w:i/>
                <w:iCs/>
              </w:rPr>
              <w:t>(10a)</w:t>
            </w:r>
            <w:r w:rsidRPr="007530A8">
              <w:rPr>
                <w:b/>
                <w:bCs/>
                <w:i/>
                <w:iCs/>
              </w:rPr>
              <w:tab/>
              <w:t>I artikel 36, stk. 10, indsættes følgende litra:</w:t>
            </w:r>
          </w:p>
        </w:tc>
      </w:tr>
      <w:tr w:rsidR="006743F5" w:rsidRPr="007530A8" w:rsidTr="00FC1640">
        <w:trPr>
          <w:jc w:val="center"/>
        </w:trPr>
        <w:tc>
          <w:tcPr>
            <w:tcW w:w="4876" w:type="dxa"/>
          </w:tcPr>
          <w:p w:rsidR="003C1E67" w:rsidRPr="007530A8" w:rsidRDefault="003C1E67" w:rsidP="00FC1640">
            <w:pPr>
              <w:pStyle w:val="Normal6a"/>
              <w:rPr>
                <w:b/>
                <w:bCs/>
                <w:i/>
                <w:iCs/>
              </w:rPr>
            </w:pPr>
          </w:p>
        </w:tc>
        <w:tc>
          <w:tcPr>
            <w:tcW w:w="4876" w:type="dxa"/>
          </w:tcPr>
          <w:p w:rsidR="003C1E67" w:rsidRPr="007530A8" w:rsidRDefault="007530A8" w:rsidP="00FC1640">
            <w:pPr>
              <w:pStyle w:val="Normal6a"/>
              <w:rPr>
                <w:b/>
                <w:bCs/>
                <w:i/>
                <w:iCs/>
              </w:rPr>
            </w:pPr>
            <w:r w:rsidRPr="007530A8">
              <w:rPr>
                <w:b/>
                <w:bCs/>
                <w:i/>
                <w:iCs/>
              </w:rPr>
              <w:t>aa)</w:t>
            </w:r>
            <w:r w:rsidRPr="007530A8">
              <w:rPr>
                <w:b/>
                <w:bCs/>
                <w:i/>
                <w:iCs/>
              </w:rPr>
              <w:tab/>
            </w:r>
            <w:r w:rsidRPr="007530A8">
              <w:rPr>
                <w:b/>
                <w:i/>
              </w:rPr>
              <w:t xml:space="preserve">i hvilket omfang ETIAS-systemets søgning i ECRIS-TCN på grundlag af relevante statistiske oplysninger og yderligere oplysninger fra </w:t>
            </w:r>
            <w:r w:rsidRPr="007530A8">
              <w:rPr>
                <w:b/>
                <w:i/>
              </w:rPr>
              <w:t>medlemsstaterne har bidraget til at støtte målet i henhold til forordning (EU) 2018/1240 om at fastslå, om tilstedeværelsen af ETIAS-ansøgere på medlemsstaternes område ville udgøre en sikkerhedsrisiko</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35</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 stk. 1 – nr. 11</w:t>
      </w:r>
      <w:r w:rsidRPr="007530A8">
        <w:rPr>
          <w:rStyle w:val="HideTWBExt"/>
          <w:b w:val="0"/>
          <w:noProof w:val="0"/>
        </w:rPr>
        <w:t>&lt;/Article&gt;</w:t>
      </w:r>
    </w:p>
    <w:p w:rsidR="003C1E67" w:rsidRPr="007530A8" w:rsidRDefault="007530A8" w:rsidP="003C1E67">
      <w:pPr>
        <w:keepNext/>
      </w:pPr>
      <w:r w:rsidRPr="007530A8">
        <w:rPr>
          <w:rStyle w:val="HideTWBExt"/>
          <w:noProof w:val="0"/>
        </w:rPr>
        <w:t>&lt;DocAmend2&gt;</w:t>
      </w:r>
      <w:r w:rsidRPr="007530A8">
        <w:rPr>
          <w:bCs/>
        </w:rPr>
        <w:t>Forordning (EU) 2019/816</w:t>
      </w:r>
      <w:r w:rsidRPr="007530A8">
        <w:rPr>
          <w:rStyle w:val="HideTWBExt"/>
          <w:noProof w:val="0"/>
        </w:rPr>
        <w:t>&lt;/DocAmend2&gt;</w:t>
      </w:r>
    </w:p>
    <w:p w:rsidR="003C1E67" w:rsidRPr="007530A8" w:rsidRDefault="007530A8" w:rsidP="003C1E67">
      <w:r w:rsidRPr="007530A8">
        <w:rPr>
          <w:rStyle w:val="HideTWBExt"/>
          <w:noProof w:val="0"/>
        </w:rPr>
        <w:t>&lt;Article2&gt;</w:t>
      </w:r>
      <w:r w:rsidRPr="007530A8">
        <w:t>Bilag II – Tabel</w:t>
      </w:r>
      <w:r w:rsidRPr="007530A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678"/>
        <w:gridCol w:w="5074"/>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9752" w:type="dxa"/>
            <w:gridSpan w:val="2"/>
          </w:tcPr>
          <w:p w:rsidR="003C1E67" w:rsidRPr="007530A8" w:rsidRDefault="007530A8" w:rsidP="00FC1640">
            <w:pPr>
              <w:pStyle w:val="AmColumnHeading"/>
              <w:keepNext/>
            </w:pPr>
            <w:r w:rsidRPr="007530A8">
              <w:t>Kommissionens forslag</w:t>
            </w:r>
          </w:p>
        </w:tc>
      </w:tr>
      <w:tr w:rsidR="006743F5" w:rsidRPr="007530A8" w:rsidTr="00FC1640">
        <w:trPr>
          <w:jc w:val="center"/>
        </w:trPr>
        <w:tc>
          <w:tcPr>
            <w:tcW w:w="4678" w:type="dxa"/>
          </w:tcPr>
          <w:p w:rsidR="003C1E67" w:rsidRPr="007530A8" w:rsidRDefault="007530A8" w:rsidP="00FC1640">
            <w:pPr>
              <w:pStyle w:val="Normal6a"/>
            </w:pPr>
            <w:r w:rsidRPr="007530A8">
              <w:t>Oplysninger i henho</w:t>
            </w:r>
            <w:r w:rsidRPr="007530A8">
              <w:t>ld til artikel 17, stk. 2, i forordning (EU) 2018/1240, som det centrale ETIAS-system sender</w:t>
            </w:r>
          </w:p>
        </w:tc>
        <w:tc>
          <w:tcPr>
            <w:tcW w:w="5074" w:type="dxa"/>
          </w:tcPr>
          <w:p w:rsidR="003C1E67" w:rsidRPr="007530A8" w:rsidRDefault="007530A8" w:rsidP="00FC1640">
            <w:pPr>
              <w:pStyle w:val="Normal6a"/>
              <w:rPr>
                <w:szCs w:val="24"/>
              </w:rPr>
            </w:pPr>
            <w:r w:rsidRPr="007530A8">
              <w:t xml:space="preserve">De tilsvarende oplysninger i ECRIS-TCN i henhold til denne forordnings artikel 5, stk. 1, i </w:t>
            </w:r>
            <w:r w:rsidRPr="007530A8">
              <w:rPr>
                <w:b/>
                <w:i/>
              </w:rPr>
              <w:t>[</w:t>
            </w:r>
            <w:r w:rsidRPr="007530A8">
              <w:t>det fælles identitetsregister</w:t>
            </w:r>
            <w:r w:rsidRPr="007530A8">
              <w:rPr>
                <w:b/>
                <w:i/>
              </w:rPr>
              <w:t>]</w:t>
            </w:r>
            <w:r w:rsidRPr="007530A8">
              <w:t xml:space="preserve"> som oplysningerne i ETIAS skal sammenli</w:t>
            </w:r>
            <w:r w:rsidRPr="007530A8">
              <w:t>gnes med</w:t>
            </w:r>
          </w:p>
        </w:tc>
      </w:tr>
      <w:tr w:rsidR="006743F5" w:rsidRPr="007530A8" w:rsidTr="00FC1640">
        <w:trPr>
          <w:jc w:val="center"/>
        </w:trPr>
        <w:tc>
          <w:tcPr>
            <w:tcW w:w="4678" w:type="dxa"/>
          </w:tcPr>
          <w:p w:rsidR="003C1E67" w:rsidRPr="007530A8" w:rsidRDefault="007530A8" w:rsidP="00FC1640">
            <w:pPr>
              <w:pStyle w:val="Normal6a"/>
            </w:pPr>
            <w:r w:rsidRPr="007530A8">
              <w:t>efternavn</w:t>
            </w:r>
          </w:p>
        </w:tc>
        <w:tc>
          <w:tcPr>
            <w:tcW w:w="5074" w:type="dxa"/>
          </w:tcPr>
          <w:p w:rsidR="003C1E67" w:rsidRPr="007530A8" w:rsidRDefault="007530A8" w:rsidP="00FC1640">
            <w:pPr>
              <w:pStyle w:val="Normal6a"/>
            </w:pPr>
            <w:r w:rsidRPr="007530A8">
              <w:t>efternavn</w:t>
            </w:r>
          </w:p>
        </w:tc>
      </w:tr>
      <w:tr w:rsidR="006743F5" w:rsidRPr="007530A8" w:rsidTr="00FC1640">
        <w:trPr>
          <w:jc w:val="center"/>
        </w:trPr>
        <w:tc>
          <w:tcPr>
            <w:tcW w:w="4678" w:type="dxa"/>
          </w:tcPr>
          <w:p w:rsidR="003C1E67" w:rsidRPr="007530A8" w:rsidRDefault="007530A8" w:rsidP="00FC1640">
            <w:pPr>
              <w:pStyle w:val="Normal6a"/>
            </w:pPr>
            <w:r w:rsidRPr="007530A8">
              <w:t>efternavn ved fødslen</w:t>
            </w:r>
          </w:p>
        </w:tc>
        <w:tc>
          <w:tcPr>
            <w:tcW w:w="5074" w:type="dxa"/>
          </w:tcPr>
          <w:p w:rsidR="003C1E67" w:rsidRPr="007530A8" w:rsidRDefault="007530A8" w:rsidP="00FC1640">
            <w:pPr>
              <w:pStyle w:val="Normal6a"/>
            </w:pPr>
            <w:r w:rsidRPr="007530A8">
              <w:t>tidligere navn(e)</w:t>
            </w:r>
          </w:p>
        </w:tc>
      </w:tr>
      <w:tr w:rsidR="006743F5" w:rsidRPr="007530A8" w:rsidTr="00FC1640">
        <w:trPr>
          <w:jc w:val="center"/>
        </w:trPr>
        <w:tc>
          <w:tcPr>
            <w:tcW w:w="4678" w:type="dxa"/>
          </w:tcPr>
          <w:p w:rsidR="003C1E67" w:rsidRPr="007530A8" w:rsidRDefault="007530A8" w:rsidP="00FC1640">
            <w:pPr>
              <w:pStyle w:val="Normal6a"/>
            </w:pPr>
            <w:r w:rsidRPr="007530A8">
              <w:t>fornavn(e) fornavn(e)</w:t>
            </w:r>
          </w:p>
        </w:tc>
        <w:tc>
          <w:tcPr>
            <w:tcW w:w="5074" w:type="dxa"/>
          </w:tcPr>
          <w:p w:rsidR="003C1E67" w:rsidRPr="007530A8" w:rsidRDefault="007530A8" w:rsidP="00FC1640">
            <w:pPr>
              <w:pStyle w:val="Normal6a"/>
            </w:pPr>
            <w:r w:rsidRPr="007530A8">
              <w:t>fornavn(e) fornavn(e)</w:t>
            </w:r>
          </w:p>
        </w:tc>
      </w:tr>
      <w:tr w:rsidR="006743F5" w:rsidRPr="007530A8" w:rsidTr="00FC1640">
        <w:trPr>
          <w:jc w:val="center"/>
        </w:trPr>
        <w:tc>
          <w:tcPr>
            <w:tcW w:w="4678" w:type="dxa"/>
          </w:tcPr>
          <w:p w:rsidR="003C1E67" w:rsidRPr="007530A8" w:rsidRDefault="007530A8" w:rsidP="00FC1640">
            <w:pPr>
              <w:pStyle w:val="Normal6a"/>
            </w:pPr>
            <w:r w:rsidRPr="007530A8">
              <w:t>andre navne (kaldenavn(e), kunstnernavn(e), sædvanlige navn(e))</w:t>
            </w:r>
          </w:p>
        </w:tc>
        <w:tc>
          <w:tcPr>
            <w:tcW w:w="5074" w:type="dxa"/>
          </w:tcPr>
          <w:p w:rsidR="003C1E67" w:rsidRPr="007530A8" w:rsidRDefault="007530A8" w:rsidP="00FC1640">
            <w:pPr>
              <w:pStyle w:val="Normal6a"/>
            </w:pPr>
            <w:r w:rsidRPr="007530A8">
              <w:t>pseudonym og/eller kaldenavn(e)</w:t>
            </w:r>
          </w:p>
        </w:tc>
      </w:tr>
      <w:tr w:rsidR="006743F5" w:rsidRPr="007530A8" w:rsidTr="00FC1640">
        <w:trPr>
          <w:jc w:val="center"/>
        </w:trPr>
        <w:tc>
          <w:tcPr>
            <w:tcW w:w="4678" w:type="dxa"/>
          </w:tcPr>
          <w:p w:rsidR="003C1E67" w:rsidRPr="007530A8" w:rsidRDefault="007530A8" w:rsidP="00FC1640">
            <w:pPr>
              <w:pStyle w:val="Normal6a"/>
            </w:pPr>
            <w:r w:rsidRPr="007530A8">
              <w:lastRenderedPageBreak/>
              <w:t>fødselsdato</w:t>
            </w:r>
          </w:p>
        </w:tc>
        <w:tc>
          <w:tcPr>
            <w:tcW w:w="5074" w:type="dxa"/>
          </w:tcPr>
          <w:p w:rsidR="003C1E67" w:rsidRPr="007530A8" w:rsidRDefault="007530A8" w:rsidP="00FC1640">
            <w:pPr>
              <w:pStyle w:val="Normal6a"/>
            </w:pPr>
            <w:r w:rsidRPr="007530A8">
              <w:t>fødselsdato</w:t>
            </w:r>
          </w:p>
        </w:tc>
      </w:tr>
      <w:tr w:rsidR="006743F5" w:rsidRPr="007530A8" w:rsidTr="00FC1640">
        <w:trPr>
          <w:jc w:val="center"/>
        </w:trPr>
        <w:tc>
          <w:tcPr>
            <w:tcW w:w="4678" w:type="dxa"/>
          </w:tcPr>
          <w:p w:rsidR="003C1E67" w:rsidRPr="007530A8" w:rsidRDefault="007530A8" w:rsidP="00FC1640">
            <w:pPr>
              <w:pStyle w:val="Normal6a"/>
              <w:rPr>
                <w:rFonts w:eastAsia="Calibri"/>
              </w:rPr>
            </w:pPr>
            <w:r w:rsidRPr="007530A8">
              <w:t>fødested</w:t>
            </w:r>
          </w:p>
        </w:tc>
        <w:tc>
          <w:tcPr>
            <w:tcW w:w="5074" w:type="dxa"/>
          </w:tcPr>
          <w:p w:rsidR="003C1E67" w:rsidRPr="007530A8" w:rsidRDefault="007530A8" w:rsidP="00FC1640">
            <w:pPr>
              <w:pStyle w:val="Normal6a"/>
              <w:rPr>
                <w:rFonts w:eastAsia="Calibri"/>
              </w:rPr>
            </w:pPr>
            <w:r w:rsidRPr="007530A8">
              <w:t>fødested</w:t>
            </w:r>
            <w:r w:rsidRPr="007530A8">
              <w:t xml:space="preserve"> (by og land)</w:t>
            </w:r>
          </w:p>
        </w:tc>
      </w:tr>
      <w:tr w:rsidR="006743F5" w:rsidRPr="007530A8" w:rsidTr="00FC1640">
        <w:trPr>
          <w:jc w:val="center"/>
        </w:trPr>
        <w:tc>
          <w:tcPr>
            <w:tcW w:w="4678" w:type="dxa"/>
          </w:tcPr>
          <w:p w:rsidR="003C1E67" w:rsidRPr="007530A8" w:rsidRDefault="007530A8" w:rsidP="00FC1640">
            <w:pPr>
              <w:pStyle w:val="Normal6a"/>
            </w:pPr>
            <w:r w:rsidRPr="007530A8">
              <w:t>fødeland</w:t>
            </w:r>
          </w:p>
        </w:tc>
        <w:tc>
          <w:tcPr>
            <w:tcW w:w="5074" w:type="dxa"/>
          </w:tcPr>
          <w:p w:rsidR="003C1E67" w:rsidRPr="007530A8" w:rsidRDefault="007530A8" w:rsidP="00FC1640">
            <w:pPr>
              <w:pStyle w:val="Normal6a"/>
            </w:pPr>
            <w:r w:rsidRPr="007530A8">
              <w:t>fødested (by og land)</w:t>
            </w:r>
          </w:p>
        </w:tc>
      </w:tr>
      <w:tr w:rsidR="006743F5" w:rsidRPr="007530A8" w:rsidTr="00FC1640">
        <w:trPr>
          <w:jc w:val="center"/>
        </w:trPr>
        <w:tc>
          <w:tcPr>
            <w:tcW w:w="4678" w:type="dxa"/>
          </w:tcPr>
          <w:p w:rsidR="003C1E67" w:rsidRPr="007530A8" w:rsidRDefault="007530A8" w:rsidP="00FC1640">
            <w:pPr>
              <w:pStyle w:val="Normal6a"/>
            </w:pPr>
            <w:r w:rsidRPr="007530A8">
              <w:t>køn</w:t>
            </w:r>
          </w:p>
        </w:tc>
        <w:tc>
          <w:tcPr>
            <w:tcW w:w="5074" w:type="dxa"/>
          </w:tcPr>
          <w:p w:rsidR="003C1E67" w:rsidRPr="007530A8" w:rsidRDefault="007530A8" w:rsidP="00FC1640">
            <w:pPr>
              <w:pStyle w:val="Normal6a"/>
            </w:pPr>
            <w:r w:rsidRPr="007530A8">
              <w:t>køn</w:t>
            </w:r>
          </w:p>
        </w:tc>
      </w:tr>
      <w:tr w:rsidR="006743F5" w:rsidRPr="007530A8" w:rsidTr="00FC1640">
        <w:trPr>
          <w:jc w:val="center"/>
        </w:trPr>
        <w:tc>
          <w:tcPr>
            <w:tcW w:w="4678" w:type="dxa"/>
          </w:tcPr>
          <w:p w:rsidR="003C1E67" w:rsidRPr="007530A8" w:rsidRDefault="007530A8" w:rsidP="00FC1640">
            <w:pPr>
              <w:pStyle w:val="Normal6a"/>
            </w:pPr>
            <w:r w:rsidRPr="007530A8">
              <w:t>nuværende nationalitet</w:t>
            </w:r>
          </w:p>
        </w:tc>
        <w:tc>
          <w:tcPr>
            <w:tcW w:w="5074" w:type="dxa"/>
          </w:tcPr>
          <w:p w:rsidR="003C1E67" w:rsidRPr="007530A8" w:rsidRDefault="007530A8" w:rsidP="00FC1640">
            <w:pPr>
              <w:pStyle w:val="Normal6a"/>
            </w:pPr>
            <w:r w:rsidRPr="007530A8">
              <w:t>nationalitet(er)</w:t>
            </w:r>
          </w:p>
        </w:tc>
      </w:tr>
      <w:tr w:rsidR="006743F5" w:rsidRPr="007530A8" w:rsidTr="00FC1640">
        <w:trPr>
          <w:jc w:val="center"/>
        </w:trPr>
        <w:tc>
          <w:tcPr>
            <w:tcW w:w="4678" w:type="dxa"/>
          </w:tcPr>
          <w:p w:rsidR="003C1E67" w:rsidRPr="007530A8" w:rsidRDefault="007530A8" w:rsidP="00FC1640">
            <w:pPr>
              <w:pStyle w:val="Normal6a"/>
            </w:pPr>
            <w:r w:rsidRPr="007530A8">
              <w:t>eventuelle andre nationaliteter, hvis sådanne findes</w:t>
            </w:r>
          </w:p>
        </w:tc>
        <w:tc>
          <w:tcPr>
            <w:tcW w:w="5074" w:type="dxa"/>
          </w:tcPr>
          <w:p w:rsidR="003C1E67" w:rsidRPr="007530A8" w:rsidRDefault="007530A8" w:rsidP="00FC1640">
            <w:pPr>
              <w:pStyle w:val="Normal6a"/>
            </w:pPr>
            <w:r w:rsidRPr="007530A8">
              <w:t>nationalitet(er)</w:t>
            </w:r>
          </w:p>
        </w:tc>
      </w:tr>
      <w:tr w:rsidR="006743F5" w:rsidRPr="007530A8" w:rsidTr="00FC1640">
        <w:trPr>
          <w:jc w:val="center"/>
        </w:trPr>
        <w:tc>
          <w:tcPr>
            <w:tcW w:w="4678" w:type="dxa"/>
          </w:tcPr>
          <w:p w:rsidR="003C1E67" w:rsidRPr="007530A8" w:rsidRDefault="007530A8" w:rsidP="00FC1640">
            <w:pPr>
              <w:pStyle w:val="Normal6a"/>
            </w:pPr>
            <w:r w:rsidRPr="007530A8">
              <w:t>rejsedokumentets type</w:t>
            </w:r>
          </w:p>
        </w:tc>
        <w:tc>
          <w:tcPr>
            <w:tcW w:w="5074" w:type="dxa"/>
          </w:tcPr>
          <w:p w:rsidR="003C1E67" w:rsidRPr="007530A8" w:rsidRDefault="007530A8" w:rsidP="00FC1640">
            <w:pPr>
              <w:pStyle w:val="Normal6a"/>
            </w:pPr>
            <w:r w:rsidRPr="007530A8">
              <w:t xml:space="preserve">typen af den pågældende persons </w:t>
            </w:r>
            <w:r w:rsidRPr="007530A8">
              <w:rPr>
                <w:b/>
                <w:i/>
              </w:rPr>
              <w:t>identifikationsdokument(er)</w:t>
            </w:r>
          </w:p>
        </w:tc>
      </w:tr>
      <w:tr w:rsidR="006743F5" w:rsidRPr="007530A8" w:rsidTr="00FC1640">
        <w:trPr>
          <w:jc w:val="center"/>
        </w:trPr>
        <w:tc>
          <w:tcPr>
            <w:tcW w:w="4678" w:type="dxa"/>
          </w:tcPr>
          <w:p w:rsidR="003C1E67" w:rsidRPr="007530A8" w:rsidRDefault="007530A8" w:rsidP="00FC1640">
            <w:pPr>
              <w:pStyle w:val="Normal6a"/>
            </w:pPr>
            <w:r w:rsidRPr="007530A8">
              <w:t>rejsedokumentets nummer</w:t>
            </w:r>
          </w:p>
        </w:tc>
        <w:tc>
          <w:tcPr>
            <w:tcW w:w="5074" w:type="dxa"/>
          </w:tcPr>
          <w:p w:rsidR="003C1E67" w:rsidRPr="007530A8" w:rsidRDefault="007530A8" w:rsidP="00FC1640">
            <w:pPr>
              <w:pStyle w:val="Normal6a"/>
            </w:pPr>
            <w:r w:rsidRPr="007530A8">
              <w:t xml:space="preserve">nummeret på den pågældende persons </w:t>
            </w:r>
            <w:r w:rsidRPr="007530A8">
              <w:rPr>
                <w:b/>
                <w:i/>
              </w:rPr>
              <w:t>identifikationsdokument(er)</w:t>
            </w:r>
          </w:p>
        </w:tc>
      </w:tr>
      <w:tr w:rsidR="006743F5" w:rsidRPr="007530A8" w:rsidTr="00FC1640">
        <w:trPr>
          <w:jc w:val="center"/>
        </w:trPr>
        <w:tc>
          <w:tcPr>
            <w:tcW w:w="4678" w:type="dxa"/>
          </w:tcPr>
          <w:p w:rsidR="003C1E67" w:rsidRPr="007530A8" w:rsidRDefault="007530A8" w:rsidP="00FC1640">
            <w:pPr>
              <w:pStyle w:val="Normal6a"/>
            </w:pPr>
            <w:r w:rsidRPr="007530A8">
              <w:t>rejsedokumentets udstedelsesland</w:t>
            </w:r>
          </w:p>
        </w:tc>
        <w:tc>
          <w:tcPr>
            <w:tcW w:w="5074" w:type="dxa"/>
          </w:tcPr>
          <w:p w:rsidR="003C1E67" w:rsidRPr="007530A8" w:rsidRDefault="007530A8" w:rsidP="00FC1640">
            <w:pPr>
              <w:pStyle w:val="Normal6a"/>
            </w:pPr>
            <w:r w:rsidRPr="007530A8">
              <w:t>navnet på den udstedende myndighed</w:t>
            </w:r>
          </w:p>
        </w:tc>
      </w:tr>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9752" w:type="dxa"/>
            <w:gridSpan w:val="2"/>
          </w:tcPr>
          <w:p w:rsidR="003C1E67" w:rsidRPr="007530A8" w:rsidRDefault="007530A8" w:rsidP="00FC1640">
            <w:pPr>
              <w:pStyle w:val="AmColumnHeading"/>
              <w:keepNext/>
            </w:pPr>
            <w:r w:rsidRPr="007530A8">
              <w:t>Ændringsforslag</w:t>
            </w:r>
          </w:p>
        </w:tc>
      </w:tr>
      <w:tr w:rsidR="006743F5" w:rsidRPr="007530A8" w:rsidTr="00FC1640">
        <w:trPr>
          <w:jc w:val="center"/>
        </w:trPr>
        <w:tc>
          <w:tcPr>
            <w:tcW w:w="4678" w:type="dxa"/>
          </w:tcPr>
          <w:p w:rsidR="003C1E67" w:rsidRPr="007530A8" w:rsidRDefault="007530A8" w:rsidP="00FC1640">
            <w:pPr>
              <w:pStyle w:val="Normal6a"/>
            </w:pPr>
            <w:r w:rsidRPr="007530A8">
              <w:t xml:space="preserve">Oplysninger i henhold til artikel 17, stk. 2, i forordning (EU) 2018/1240, som </w:t>
            </w:r>
            <w:r w:rsidRPr="007530A8">
              <w:t>det centrale ETIAS-system sender</w:t>
            </w:r>
          </w:p>
        </w:tc>
        <w:tc>
          <w:tcPr>
            <w:tcW w:w="5074" w:type="dxa"/>
          </w:tcPr>
          <w:p w:rsidR="003C1E67" w:rsidRPr="007530A8" w:rsidRDefault="007530A8" w:rsidP="00FC1640">
            <w:pPr>
              <w:pStyle w:val="Normal6a"/>
              <w:rPr>
                <w:szCs w:val="24"/>
              </w:rPr>
            </w:pPr>
            <w:r w:rsidRPr="007530A8">
              <w:t>De tilsvarende oplysninger i ECRIS-TCN i henhold til denne forordnings artikel 5, stk. 1, i det fælles identitetsregister som oplysningerne i ETIAS skal sammenlignes med</w:t>
            </w:r>
          </w:p>
        </w:tc>
      </w:tr>
      <w:tr w:rsidR="006743F5" w:rsidRPr="007530A8" w:rsidTr="00FC1640">
        <w:trPr>
          <w:jc w:val="center"/>
        </w:trPr>
        <w:tc>
          <w:tcPr>
            <w:tcW w:w="4678" w:type="dxa"/>
          </w:tcPr>
          <w:p w:rsidR="003C1E67" w:rsidRPr="007530A8" w:rsidRDefault="007530A8" w:rsidP="00FC1640">
            <w:pPr>
              <w:pStyle w:val="Normal6a"/>
            </w:pPr>
            <w:r w:rsidRPr="007530A8">
              <w:t>efternavn</w:t>
            </w:r>
          </w:p>
        </w:tc>
        <w:tc>
          <w:tcPr>
            <w:tcW w:w="5074" w:type="dxa"/>
          </w:tcPr>
          <w:p w:rsidR="003C1E67" w:rsidRPr="007530A8" w:rsidRDefault="007530A8" w:rsidP="00FC1640">
            <w:pPr>
              <w:pStyle w:val="Normal6a"/>
            </w:pPr>
            <w:r w:rsidRPr="007530A8">
              <w:t>efternavn</w:t>
            </w:r>
          </w:p>
        </w:tc>
      </w:tr>
      <w:tr w:rsidR="006743F5" w:rsidRPr="007530A8" w:rsidTr="00FC1640">
        <w:trPr>
          <w:jc w:val="center"/>
        </w:trPr>
        <w:tc>
          <w:tcPr>
            <w:tcW w:w="4678" w:type="dxa"/>
          </w:tcPr>
          <w:p w:rsidR="003C1E67" w:rsidRPr="007530A8" w:rsidRDefault="007530A8" w:rsidP="00FC1640">
            <w:pPr>
              <w:pStyle w:val="Normal6a"/>
            </w:pPr>
            <w:r w:rsidRPr="007530A8">
              <w:t>efternavn ved fødslen</w:t>
            </w:r>
          </w:p>
        </w:tc>
        <w:tc>
          <w:tcPr>
            <w:tcW w:w="5074" w:type="dxa"/>
          </w:tcPr>
          <w:p w:rsidR="003C1E67" w:rsidRPr="007530A8" w:rsidRDefault="007530A8" w:rsidP="00FC1640">
            <w:pPr>
              <w:pStyle w:val="Normal6a"/>
            </w:pPr>
            <w:r w:rsidRPr="007530A8">
              <w:t>tidligere</w:t>
            </w:r>
            <w:r w:rsidRPr="007530A8">
              <w:t xml:space="preserve"> navn(e)</w:t>
            </w:r>
          </w:p>
        </w:tc>
      </w:tr>
      <w:tr w:rsidR="006743F5" w:rsidRPr="007530A8" w:rsidTr="00FC1640">
        <w:trPr>
          <w:jc w:val="center"/>
        </w:trPr>
        <w:tc>
          <w:tcPr>
            <w:tcW w:w="4678" w:type="dxa"/>
          </w:tcPr>
          <w:p w:rsidR="003C1E67" w:rsidRPr="007530A8" w:rsidRDefault="007530A8" w:rsidP="00FC1640">
            <w:pPr>
              <w:pStyle w:val="Normal6a"/>
            </w:pPr>
            <w:r w:rsidRPr="007530A8">
              <w:t>fornavn(e) fornavn(e)</w:t>
            </w:r>
          </w:p>
        </w:tc>
        <w:tc>
          <w:tcPr>
            <w:tcW w:w="5074" w:type="dxa"/>
          </w:tcPr>
          <w:p w:rsidR="003C1E67" w:rsidRPr="007530A8" w:rsidRDefault="007530A8" w:rsidP="00FC1640">
            <w:pPr>
              <w:pStyle w:val="Normal6a"/>
            </w:pPr>
            <w:r w:rsidRPr="007530A8">
              <w:t>fornavn(e) fornavn(e)</w:t>
            </w:r>
          </w:p>
        </w:tc>
      </w:tr>
      <w:tr w:rsidR="006743F5" w:rsidRPr="007530A8" w:rsidTr="00FC1640">
        <w:trPr>
          <w:jc w:val="center"/>
        </w:trPr>
        <w:tc>
          <w:tcPr>
            <w:tcW w:w="4678" w:type="dxa"/>
          </w:tcPr>
          <w:p w:rsidR="003C1E67" w:rsidRPr="007530A8" w:rsidRDefault="007530A8" w:rsidP="00FC1640">
            <w:pPr>
              <w:pStyle w:val="Normal6a"/>
            </w:pPr>
            <w:r w:rsidRPr="007530A8">
              <w:t>andre navne (kaldenavn(e), kunstnernavn(e), sædvanlige navn(e))</w:t>
            </w:r>
          </w:p>
        </w:tc>
        <w:tc>
          <w:tcPr>
            <w:tcW w:w="5074" w:type="dxa"/>
          </w:tcPr>
          <w:p w:rsidR="003C1E67" w:rsidRPr="007530A8" w:rsidRDefault="007530A8" w:rsidP="00FC1640">
            <w:pPr>
              <w:pStyle w:val="Normal6a"/>
            </w:pPr>
            <w:r w:rsidRPr="007530A8">
              <w:t>pseudonym og/eller kaldenavn(e)</w:t>
            </w:r>
          </w:p>
        </w:tc>
      </w:tr>
      <w:tr w:rsidR="006743F5" w:rsidRPr="007530A8" w:rsidTr="00FC1640">
        <w:trPr>
          <w:jc w:val="center"/>
        </w:trPr>
        <w:tc>
          <w:tcPr>
            <w:tcW w:w="4678" w:type="dxa"/>
          </w:tcPr>
          <w:p w:rsidR="003C1E67" w:rsidRPr="007530A8" w:rsidRDefault="007530A8" w:rsidP="00FC1640">
            <w:pPr>
              <w:pStyle w:val="Normal6a"/>
            </w:pPr>
            <w:r w:rsidRPr="007530A8">
              <w:t>fødselsdato</w:t>
            </w:r>
          </w:p>
        </w:tc>
        <w:tc>
          <w:tcPr>
            <w:tcW w:w="5074" w:type="dxa"/>
          </w:tcPr>
          <w:p w:rsidR="003C1E67" w:rsidRPr="007530A8" w:rsidRDefault="007530A8" w:rsidP="00FC1640">
            <w:pPr>
              <w:pStyle w:val="Normal6a"/>
            </w:pPr>
            <w:r w:rsidRPr="007530A8">
              <w:t>fødselsdato</w:t>
            </w:r>
          </w:p>
        </w:tc>
      </w:tr>
      <w:tr w:rsidR="006743F5" w:rsidRPr="007530A8" w:rsidTr="00FC1640">
        <w:trPr>
          <w:jc w:val="center"/>
        </w:trPr>
        <w:tc>
          <w:tcPr>
            <w:tcW w:w="4678" w:type="dxa"/>
          </w:tcPr>
          <w:p w:rsidR="003C1E67" w:rsidRPr="007530A8" w:rsidRDefault="007530A8" w:rsidP="00FC1640">
            <w:pPr>
              <w:pStyle w:val="Normal6a"/>
              <w:rPr>
                <w:rFonts w:eastAsia="Calibri"/>
              </w:rPr>
            </w:pPr>
            <w:r w:rsidRPr="007530A8">
              <w:t>fødested</w:t>
            </w:r>
          </w:p>
        </w:tc>
        <w:tc>
          <w:tcPr>
            <w:tcW w:w="5074" w:type="dxa"/>
          </w:tcPr>
          <w:p w:rsidR="003C1E67" w:rsidRPr="007530A8" w:rsidRDefault="007530A8" w:rsidP="00FC1640">
            <w:pPr>
              <w:pStyle w:val="Normal6a"/>
              <w:rPr>
                <w:rFonts w:eastAsia="Calibri"/>
              </w:rPr>
            </w:pPr>
            <w:r w:rsidRPr="007530A8">
              <w:t>fødested (by og land)</w:t>
            </w:r>
          </w:p>
        </w:tc>
      </w:tr>
      <w:tr w:rsidR="006743F5" w:rsidRPr="007530A8" w:rsidTr="00FC1640">
        <w:trPr>
          <w:jc w:val="center"/>
        </w:trPr>
        <w:tc>
          <w:tcPr>
            <w:tcW w:w="4678" w:type="dxa"/>
          </w:tcPr>
          <w:p w:rsidR="003C1E67" w:rsidRPr="007530A8" w:rsidRDefault="007530A8" w:rsidP="00FC1640">
            <w:pPr>
              <w:pStyle w:val="Normal6a"/>
            </w:pPr>
            <w:r w:rsidRPr="007530A8">
              <w:t>fødeland</w:t>
            </w:r>
          </w:p>
        </w:tc>
        <w:tc>
          <w:tcPr>
            <w:tcW w:w="5074" w:type="dxa"/>
          </w:tcPr>
          <w:p w:rsidR="003C1E67" w:rsidRPr="007530A8" w:rsidRDefault="007530A8" w:rsidP="00FC1640">
            <w:pPr>
              <w:pStyle w:val="Normal6a"/>
            </w:pPr>
            <w:r w:rsidRPr="007530A8">
              <w:t>fødested (by og land)</w:t>
            </w:r>
          </w:p>
        </w:tc>
      </w:tr>
      <w:tr w:rsidR="006743F5" w:rsidRPr="007530A8" w:rsidTr="00FC1640">
        <w:trPr>
          <w:jc w:val="center"/>
        </w:trPr>
        <w:tc>
          <w:tcPr>
            <w:tcW w:w="4678" w:type="dxa"/>
          </w:tcPr>
          <w:p w:rsidR="003C1E67" w:rsidRPr="007530A8" w:rsidRDefault="007530A8" w:rsidP="00FC1640">
            <w:pPr>
              <w:pStyle w:val="Normal6a"/>
            </w:pPr>
            <w:r w:rsidRPr="007530A8">
              <w:t>køn</w:t>
            </w:r>
          </w:p>
        </w:tc>
        <w:tc>
          <w:tcPr>
            <w:tcW w:w="5074" w:type="dxa"/>
          </w:tcPr>
          <w:p w:rsidR="003C1E67" w:rsidRPr="007530A8" w:rsidRDefault="007530A8" w:rsidP="00FC1640">
            <w:pPr>
              <w:pStyle w:val="Normal6a"/>
            </w:pPr>
            <w:r w:rsidRPr="007530A8">
              <w:t>køn</w:t>
            </w:r>
          </w:p>
        </w:tc>
      </w:tr>
      <w:tr w:rsidR="006743F5" w:rsidRPr="007530A8" w:rsidTr="00FC1640">
        <w:trPr>
          <w:jc w:val="center"/>
        </w:trPr>
        <w:tc>
          <w:tcPr>
            <w:tcW w:w="4678" w:type="dxa"/>
          </w:tcPr>
          <w:p w:rsidR="003C1E67" w:rsidRPr="007530A8" w:rsidRDefault="007530A8" w:rsidP="00FC1640">
            <w:pPr>
              <w:pStyle w:val="Normal6a"/>
            </w:pPr>
            <w:r w:rsidRPr="007530A8">
              <w:t>nuværende nationalitet</w:t>
            </w:r>
          </w:p>
        </w:tc>
        <w:tc>
          <w:tcPr>
            <w:tcW w:w="5074" w:type="dxa"/>
          </w:tcPr>
          <w:p w:rsidR="003C1E67" w:rsidRPr="007530A8" w:rsidRDefault="007530A8" w:rsidP="00FC1640">
            <w:pPr>
              <w:pStyle w:val="Normal6a"/>
            </w:pPr>
            <w:r w:rsidRPr="007530A8">
              <w:t>nationalitet(er)</w:t>
            </w:r>
          </w:p>
        </w:tc>
      </w:tr>
      <w:tr w:rsidR="006743F5" w:rsidRPr="007530A8" w:rsidTr="00FC1640">
        <w:trPr>
          <w:jc w:val="center"/>
        </w:trPr>
        <w:tc>
          <w:tcPr>
            <w:tcW w:w="4678" w:type="dxa"/>
          </w:tcPr>
          <w:p w:rsidR="003C1E67" w:rsidRPr="007530A8" w:rsidRDefault="007530A8" w:rsidP="00FC1640">
            <w:pPr>
              <w:pStyle w:val="Normal6a"/>
            </w:pPr>
            <w:r w:rsidRPr="007530A8">
              <w:t>eventuelle andre nationaliteter, hvis sådanne findes</w:t>
            </w:r>
          </w:p>
        </w:tc>
        <w:tc>
          <w:tcPr>
            <w:tcW w:w="5074" w:type="dxa"/>
          </w:tcPr>
          <w:p w:rsidR="003C1E67" w:rsidRPr="007530A8" w:rsidRDefault="007530A8" w:rsidP="00FC1640">
            <w:pPr>
              <w:pStyle w:val="Normal6a"/>
            </w:pPr>
            <w:r w:rsidRPr="007530A8">
              <w:t>nationalitet(er)</w:t>
            </w:r>
          </w:p>
        </w:tc>
      </w:tr>
      <w:tr w:rsidR="006743F5" w:rsidRPr="007530A8" w:rsidTr="00FC1640">
        <w:trPr>
          <w:jc w:val="center"/>
        </w:trPr>
        <w:tc>
          <w:tcPr>
            <w:tcW w:w="4678" w:type="dxa"/>
          </w:tcPr>
          <w:p w:rsidR="003C1E67" w:rsidRPr="007530A8" w:rsidRDefault="007530A8" w:rsidP="00FC1640">
            <w:pPr>
              <w:pStyle w:val="Normal6a"/>
            </w:pPr>
            <w:r w:rsidRPr="007530A8">
              <w:t>rejsedokumentets type</w:t>
            </w:r>
          </w:p>
        </w:tc>
        <w:tc>
          <w:tcPr>
            <w:tcW w:w="5074" w:type="dxa"/>
          </w:tcPr>
          <w:p w:rsidR="003C1E67" w:rsidRPr="007530A8" w:rsidRDefault="007530A8" w:rsidP="00FC1640">
            <w:pPr>
              <w:pStyle w:val="Normal6a"/>
            </w:pPr>
            <w:r w:rsidRPr="007530A8">
              <w:t xml:space="preserve">typen af den pågældende persons </w:t>
            </w:r>
            <w:r w:rsidRPr="007530A8">
              <w:rPr>
                <w:b/>
                <w:i/>
              </w:rPr>
              <w:t>rejsedokument(er)</w:t>
            </w:r>
          </w:p>
        </w:tc>
      </w:tr>
      <w:tr w:rsidR="006743F5" w:rsidRPr="007530A8" w:rsidTr="00FC1640">
        <w:trPr>
          <w:jc w:val="center"/>
        </w:trPr>
        <w:tc>
          <w:tcPr>
            <w:tcW w:w="4678" w:type="dxa"/>
          </w:tcPr>
          <w:p w:rsidR="003C1E67" w:rsidRPr="007530A8" w:rsidRDefault="007530A8" w:rsidP="00FC1640">
            <w:pPr>
              <w:pStyle w:val="Normal6a"/>
            </w:pPr>
            <w:r w:rsidRPr="007530A8">
              <w:t>rejsedokumentets nummer</w:t>
            </w:r>
          </w:p>
        </w:tc>
        <w:tc>
          <w:tcPr>
            <w:tcW w:w="5074" w:type="dxa"/>
          </w:tcPr>
          <w:p w:rsidR="003C1E67" w:rsidRPr="007530A8" w:rsidRDefault="007530A8" w:rsidP="00FC1640">
            <w:pPr>
              <w:pStyle w:val="Normal6a"/>
            </w:pPr>
            <w:r w:rsidRPr="007530A8">
              <w:t xml:space="preserve">nummeret på den pågældende persons </w:t>
            </w:r>
            <w:r w:rsidRPr="007530A8">
              <w:rPr>
                <w:b/>
                <w:i/>
              </w:rPr>
              <w:t>rejsedokument(er)</w:t>
            </w:r>
          </w:p>
        </w:tc>
      </w:tr>
      <w:tr w:rsidR="006743F5" w:rsidRPr="007530A8" w:rsidTr="00FC1640">
        <w:trPr>
          <w:jc w:val="center"/>
        </w:trPr>
        <w:tc>
          <w:tcPr>
            <w:tcW w:w="4678" w:type="dxa"/>
          </w:tcPr>
          <w:p w:rsidR="003C1E67" w:rsidRPr="007530A8" w:rsidRDefault="007530A8" w:rsidP="00FC1640">
            <w:pPr>
              <w:pStyle w:val="Normal6a"/>
            </w:pPr>
            <w:r w:rsidRPr="007530A8">
              <w:t>rejsedokumentets udstedelsesland</w:t>
            </w:r>
          </w:p>
        </w:tc>
        <w:tc>
          <w:tcPr>
            <w:tcW w:w="5074" w:type="dxa"/>
          </w:tcPr>
          <w:p w:rsidR="003C1E67" w:rsidRPr="007530A8" w:rsidRDefault="007530A8" w:rsidP="00FC1640">
            <w:pPr>
              <w:pStyle w:val="Normal6a"/>
            </w:pPr>
            <w:r w:rsidRPr="007530A8">
              <w:t>navnet på den udstedende myndighed</w:t>
            </w:r>
          </w:p>
        </w:tc>
      </w:tr>
    </w:tbl>
    <w:p w:rsidR="003C1E67" w:rsidRPr="007530A8" w:rsidRDefault="007530A8" w:rsidP="003C1E67">
      <w:pPr>
        <w:pStyle w:val="AmOrLang"/>
      </w:pPr>
      <w:r w:rsidRPr="007530A8">
        <w:lastRenderedPageBreak/>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36</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2 a (ny)</w:t>
      </w:r>
      <w:r w:rsidRPr="007530A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3C1E67" w:rsidP="00FC1640">
            <w:pPr>
              <w:pStyle w:val="Normal6a"/>
              <w:rPr>
                <w:b/>
                <w:bCs/>
                <w:i/>
                <w:iCs/>
              </w:rPr>
            </w:pPr>
          </w:p>
        </w:tc>
        <w:tc>
          <w:tcPr>
            <w:tcW w:w="4876" w:type="dxa"/>
            <w:vAlign w:val="center"/>
          </w:tcPr>
          <w:p w:rsidR="003C1E67" w:rsidRPr="007530A8" w:rsidRDefault="007530A8" w:rsidP="00FC1640">
            <w:pPr>
              <w:pStyle w:val="Normal6a"/>
              <w:jc w:val="center"/>
              <w:rPr>
                <w:b/>
                <w:bCs/>
                <w:i/>
                <w:iCs/>
                <w:szCs w:val="24"/>
              </w:rPr>
            </w:pPr>
            <w:r w:rsidRPr="007530A8">
              <w:rPr>
                <w:b/>
                <w:bCs/>
                <w:i/>
                <w:iCs/>
              </w:rPr>
              <w:t>Artikel 2a</w:t>
            </w:r>
          </w:p>
        </w:tc>
      </w:tr>
      <w:tr w:rsidR="006743F5" w:rsidRPr="007530A8" w:rsidTr="00FC1640">
        <w:trPr>
          <w:jc w:val="center"/>
        </w:trPr>
        <w:tc>
          <w:tcPr>
            <w:tcW w:w="4876" w:type="dxa"/>
          </w:tcPr>
          <w:p w:rsidR="003C1E67" w:rsidRPr="007530A8" w:rsidRDefault="003C1E67" w:rsidP="00FC1640">
            <w:pPr>
              <w:pStyle w:val="Normal6a"/>
              <w:rPr>
                <w:b/>
                <w:bCs/>
                <w:i/>
                <w:iCs/>
              </w:rPr>
            </w:pPr>
          </w:p>
        </w:tc>
        <w:tc>
          <w:tcPr>
            <w:tcW w:w="4876" w:type="dxa"/>
            <w:vAlign w:val="center"/>
          </w:tcPr>
          <w:p w:rsidR="003C1E67" w:rsidRPr="007530A8" w:rsidRDefault="007530A8" w:rsidP="00FC1640">
            <w:pPr>
              <w:pStyle w:val="Normal6a"/>
              <w:jc w:val="center"/>
              <w:rPr>
                <w:b/>
                <w:bCs/>
                <w:i/>
                <w:iCs/>
              </w:rPr>
            </w:pPr>
            <w:r w:rsidRPr="007530A8">
              <w:rPr>
                <w:b/>
                <w:bCs/>
                <w:i/>
                <w:iCs/>
              </w:rPr>
              <w:t>Ændringer af forordning (EU) 2019/818 (interoperabilitet – politi)</w:t>
            </w:r>
          </w:p>
        </w:tc>
      </w:tr>
      <w:tr w:rsidR="006743F5" w:rsidRPr="007530A8" w:rsidTr="00FC1640">
        <w:trPr>
          <w:jc w:val="center"/>
        </w:trPr>
        <w:tc>
          <w:tcPr>
            <w:tcW w:w="4876" w:type="dxa"/>
          </w:tcPr>
          <w:p w:rsidR="003C1E67" w:rsidRPr="007530A8" w:rsidRDefault="003C1E67" w:rsidP="00FC1640">
            <w:pPr>
              <w:pStyle w:val="Normal6a"/>
              <w:rPr>
                <w:b/>
                <w:bCs/>
                <w:i/>
                <w:iCs/>
              </w:rPr>
            </w:pPr>
          </w:p>
        </w:tc>
        <w:tc>
          <w:tcPr>
            <w:tcW w:w="4876" w:type="dxa"/>
            <w:vAlign w:val="center"/>
          </w:tcPr>
          <w:p w:rsidR="003C1E67" w:rsidRPr="007530A8" w:rsidRDefault="007530A8" w:rsidP="00FC1640">
            <w:pPr>
              <w:pStyle w:val="Normal6a"/>
              <w:rPr>
                <w:b/>
                <w:bCs/>
                <w:i/>
                <w:iCs/>
              </w:rPr>
            </w:pPr>
            <w:r w:rsidRPr="007530A8">
              <w:rPr>
                <w:b/>
                <w:bCs/>
                <w:i/>
                <w:iCs/>
              </w:rPr>
              <w:t>I forordning (EU) 2019/818 foretages følgende ændringer:</w:t>
            </w:r>
          </w:p>
        </w:tc>
      </w:tr>
      <w:tr w:rsidR="006743F5" w:rsidRPr="007530A8" w:rsidTr="00FC1640">
        <w:trPr>
          <w:jc w:val="center"/>
        </w:trPr>
        <w:tc>
          <w:tcPr>
            <w:tcW w:w="4876" w:type="dxa"/>
          </w:tcPr>
          <w:p w:rsidR="003C1E67" w:rsidRPr="007530A8" w:rsidRDefault="003C1E67" w:rsidP="00FC1640">
            <w:pPr>
              <w:pStyle w:val="Normal6a"/>
              <w:rPr>
                <w:b/>
                <w:bCs/>
                <w:i/>
                <w:iCs/>
              </w:rPr>
            </w:pPr>
          </w:p>
        </w:tc>
        <w:tc>
          <w:tcPr>
            <w:tcW w:w="4876" w:type="dxa"/>
            <w:vAlign w:val="center"/>
          </w:tcPr>
          <w:p w:rsidR="003C1E67" w:rsidRPr="007530A8" w:rsidRDefault="007530A8" w:rsidP="00FC1640">
            <w:pPr>
              <w:pStyle w:val="Normal6a"/>
              <w:rPr>
                <w:b/>
                <w:bCs/>
                <w:i/>
                <w:iCs/>
                <w:szCs w:val="24"/>
              </w:rPr>
            </w:pPr>
            <w:r w:rsidRPr="007530A8">
              <w:rPr>
                <w:b/>
                <w:bCs/>
                <w:i/>
                <w:iCs/>
              </w:rPr>
              <w:t>(1)</w:t>
            </w:r>
            <w:r w:rsidRPr="007530A8">
              <w:rPr>
                <w:b/>
                <w:bCs/>
                <w:i/>
                <w:iCs/>
              </w:rPr>
              <w:tab/>
              <w:t>I artikel 18 indsættes følgende stykke:</w:t>
            </w:r>
          </w:p>
        </w:tc>
      </w:tr>
      <w:tr w:rsidR="006743F5" w:rsidRPr="007530A8" w:rsidTr="00FC1640">
        <w:trPr>
          <w:jc w:val="center"/>
        </w:trPr>
        <w:tc>
          <w:tcPr>
            <w:tcW w:w="4876" w:type="dxa"/>
          </w:tcPr>
          <w:p w:rsidR="003C1E67" w:rsidRPr="007530A8" w:rsidRDefault="003C1E67" w:rsidP="00FC1640">
            <w:pPr>
              <w:pStyle w:val="Normal6a"/>
              <w:rPr>
                <w:b/>
                <w:bCs/>
                <w:i/>
                <w:iCs/>
              </w:rPr>
            </w:pPr>
          </w:p>
        </w:tc>
        <w:tc>
          <w:tcPr>
            <w:tcW w:w="4876" w:type="dxa"/>
            <w:vAlign w:val="center"/>
          </w:tcPr>
          <w:p w:rsidR="003C1E67" w:rsidRPr="007530A8" w:rsidRDefault="007530A8" w:rsidP="00FC1640">
            <w:pPr>
              <w:pStyle w:val="Normal6a"/>
              <w:rPr>
                <w:b/>
                <w:bCs/>
                <w:i/>
                <w:iCs/>
              </w:rPr>
            </w:pPr>
            <w:r w:rsidRPr="007530A8">
              <w:rPr>
                <w:b/>
                <w:bCs/>
                <w:i/>
                <w:iCs/>
              </w:rPr>
              <w:t>"1a.</w:t>
            </w:r>
            <w:r w:rsidRPr="007530A8">
              <w:rPr>
                <w:b/>
                <w:bCs/>
                <w:i/>
                <w:iCs/>
              </w:rPr>
              <w:tab/>
              <w:t xml:space="preserve">Med henblik på artikel </w:t>
            </w:r>
            <w:r w:rsidRPr="007530A8">
              <w:rPr>
                <w:b/>
                <w:bCs/>
                <w:i/>
                <w:iCs/>
              </w:rPr>
              <w:t>20 i forordning (EU) 2018/1240 skal det fælles identitetsregister også lagre de oplysninger, der er omhandlet i artikel 5, stk. 1, litra c), i forordning (EU) 2019/816, logisk adskilt fra de oplysninger, der er omhandlet i nærværende artikels stk. 1. De op</w:t>
            </w:r>
            <w:r w:rsidRPr="007530A8">
              <w:rPr>
                <w:b/>
                <w:bCs/>
                <w:i/>
                <w:iCs/>
              </w:rPr>
              <w:t>lysninger, der er omhandlet i artikel 5, stk. 1, litra c), i forordning (EU) 2019/816, er kun tilgængelige på den måde, der er omhandlet i artikel 5, stk. 6a, i nævnte forordning."</w:t>
            </w:r>
          </w:p>
        </w:tc>
      </w:tr>
      <w:tr w:rsidR="006743F5" w:rsidRPr="007530A8" w:rsidTr="00FC1640">
        <w:trPr>
          <w:jc w:val="center"/>
        </w:trPr>
        <w:tc>
          <w:tcPr>
            <w:tcW w:w="4876" w:type="dxa"/>
          </w:tcPr>
          <w:p w:rsidR="003C1E67" w:rsidRPr="007530A8" w:rsidRDefault="003C1E67" w:rsidP="00FC1640">
            <w:pPr>
              <w:pStyle w:val="Normal6a"/>
              <w:rPr>
                <w:b/>
                <w:bCs/>
                <w:i/>
                <w:iCs/>
              </w:rPr>
            </w:pPr>
          </w:p>
        </w:tc>
        <w:tc>
          <w:tcPr>
            <w:tcW w:w="4876" w:type="dxa"/>
          </w:tcPr>
          <w:p w:rsidR="003C1E67" w:rsidRPr="007530A8" w:rsidRDefault="007530A8" w:rsidP="00FC1640">
            <w:pPr>
              <w:pStyle w:val="Normal6a"/>
              <w:rPr>
                <w:b/>
                <w:bCs/>
                <w:i/>
                <w:iCs/>
              </w:rPr>
            </w:pPr>
            <w:r w:rsidRPr="007530A8">
              <w:rPr>
                <w:b/>
                <w:bCs/>
                <w:i/>
                <w:iCs/>
              </w:rPr>
              <w:t>(2)</w:t>
            </w:r>
            <w:r w:rsidRPr="007530A8">
              <w:rPr>
                <w:b/>
                <w:bCs/>
                <w:i/>
                <w:iCs/>
              </w:rPr>
              <w:tab/>
              <w:t>I artikel 68, stk. 1, indsættes følgende stykke:</w:t>
            </w:r>
          </w:p>
        </w:tc>
      </w:tr>
      <w:tr w:rsidR="006743F5" w:rsidRPr="007530A8" w:rsidTr="00FC1640">
        <w:trPr>
          <w:jc w:val="center"/>
        </w:trPr>
        <w:tc>
          <w:tcPr>
            <w:tcW w:w="4876" w:type="dxa"/>
          </w:tcPr>
          <w:p w:rsidR="003C1E67" w:rsidRPr="007530A8" w:rsidRDefault="003C1E67" w:rsidP="00FC1640">
            <w:pPr>
              <w:pStyle w:val="Normal6a"/>
              <w:rPr>
                <w:b/>
                <w:bCs/>
                <w:i/>
                <w:iCs/>
              </w:rPr>
            </w:pPr>
          </w:p>
        </w:tc>
        <w:tc>
          <w:tcPr>
            <w:tcW w:w="4876" w:type="dxa"/>
          </w:tcPr>
          <w:p w:rsidR="003C1E67" w:rsidRPr="007530A8" w:rsidRDefault="007530A8" w:rsidP="00FC1640">
            <w:pPr>
              <w:pStyle w:val="Normal6a"/>
              <w:rPr>
                <w:b/>
                <w:bCs/>
                <w:i/>
                <w:iCs/>
              </w:rPr>
            </w:pPr>
            <w:r w:rsidRPr="007530A8">
              <w:rPr>
                <w:b/>
                <w:bCs/>
                <w:i/>
                <w:iCs/>
              </w:rPr>
              <w:t>"1a.</w:t>
            </w:r>
            <w:r w:rsidRPr="007530A8">
              <w:rPr>
                <w:b/>
                <w:bCs/>
                <w:i/>
                <w:iCs/>
              </w:rPr>
              <w:tab/>
              <w:t>Uden at det b</w:t>
            </w:r>
            <w:r w:rsidRPr="007530A8">
              <w:rPr>
                <w:b/>
                <w:bCs/>
                <w:i/>
                <w:iCs/>
              </w:rPr>
              <w:t>erører stk. 1, idriftsættes ESP udelukkende med henblik på den automatiske behandling i artikel 20, artikel 23, artikel 24, stk. 6, litra c), nr. ii), artikel 41 og artikel 54, stk. 1, litra b), i forordning (EU) 2018/1240, når betingelserne i artikel 88 i</w:t>
            </w:r>
            <w:r w:rsidRPr="007530A8">
              <w:rPr>
                <w:b/>
                <w:bCs/>
                <w:i/>
                <w:iCs/>
              </w:rPr>
              <w:t xml:space="preserve"> forordning (EU) 2018/1240 er opfyldt."</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pPr>
        <w:pStyle w:val="AmNumberTabs"/>
        <w:keepNext/>
        <w:rPr>
          <w:rFonts w:eastAsiaTheme="majorEastAsia"/>
        </w:rPr>
      </w:pPr>
      <w:r w:rsidRPr="007530A8">
        <w:rPr>
          <w:rStyle w:val="HideTWBExt"/>
          <w:b w:val="0"/>
          <w:noProof w:val="0"/>
        </w:rPr>
        <w:lastRenderedPageBreak/>
        <w:t>&lt;/Amend&gt;</w:t>
      </w:r>
    </w:p>
    <w:p w:rsidR="003C1E67" w:rsidRPr="007530A8" w:rsidRDefault="007530A8" w:rsidP="003C1E67">
      <w:pPr>
        <w:pStyle w:val="AmNumberTabs"/>
        <w:keepNext/>
      </w:pPr>
      <w:r w:rsidRPr="007530A8">
        <w:rPr>
          <w:rStyle w:val="HideTWBExt"/>
          <w:b w:val="0"/>
          <w:noProof w:val="0"/>
        </w:rPr>
        <w:t>&lt;Amend&gt;</w:t>
      </w:r>
      <w:r w:rsidRPr="007530A8">
        <w:t>Ændringsforslag</w:t>
      </w:r>
      <w:r w:rsidRPr="007530A8">
        <w:tab/>
      </w:r>
      <w:r w:rsidRPr="007530A8">
        <w:tab/>
      </w:r>
      <w:r w:rsidRPr="007530A8">
        <w:rPr>
          <w:rStyle w:val="HideTWBExt"/>
          <w:b w:val="0"/>
          <w:noProof w:val="0"/>
        </w:rPr>
        <w:t>&lt;NumAm&gt;</w:t>
      </w:r>
      <w:r w:rsidRPr="007530A8">
        <w:t>37</w:t>
      </w:r>
      <w:r w:rsidRPr="007530A8">
        <w:rPr>
          <w:rStyle w:val="HideTWBExt"/>
          <w:b w:val="0"/>
          <w:noProof w:val="0"/>
        </w:rPr>
        <w:t>&lt;/NumAm&gt;</w:t>
      </w:r>
    </w:p>
    <w:p w:rsidR="003C1E67" w:rsidRPr="007530A8" w:rsidRDefault="007530A8" w:rsidP="003C1E67">
      <w:pPr>
        <w:pStyle w:val="NormalBold12b"/>
        <w:keepNext/>
      </w:pPr>
      <w:r w:rsidRPr="007530A8">
        <w:rPr>
          <w:rStyle w:val="HideTWBExt"/>
          <w:b w:val="0"/>
          <w:noProof w:val="0"/>
        </w:rPr>
        <w:t>&lt;DocAmend&gt;</w:t>
      </w:r>
      <w:r w:rsidRPr="007530A8">
        <w:t>Forslag til forordning</w:t>
      </w:r>
      <w:r w:rsidRPr="007530A8">
        <w:rPr>
          <w:rStyle w:val="HideTWBExt"/>
          <w:b w:val="0"/>
          <w:noProof w:val="0"/>
        </w:rPr>
        <w:t>&lt;/DocAmend&gt;</w:t>
      </w:r>
    </w:p>
    <w:p w:rsidR="003C1E67" w:rsidRPr="007530A8" w:rsidRDefault="007530A8" w:rsidP="003C1E67">
      <w:pPr>
        <w:pStyle w:val="NormalBold"/>
        <w:keepNext/>
      </w:pPr>
      <w:r w:rsidRPr="007530A8">
        <w:rPr>
          <w:rStyle w:val="HideTWBExt"/>
          <w:b w:val="0"/>
          <w:noProof w:val="0"/>
        </w:rPr>
        <w:t>&lt;Article&gt;</w:t>
      </w:r>
      <w:r w:rsidRPr="007530A8">
        <w:t>Artikel 3 – stk. 2</w:t>
      </w:r>
      <w:r w:rsidRPr="007530A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743F5" w:rsidRPr="007530A8" w:rsidTr="00FC1640">
        <w:trPr>
          <w:jc w:val="center"/>
        </w:trPr>
        <w:tc>
          <w:tcPr>
            <w:tcW w:w="9752" w:type="dxa"/>
            <w:gridSpan w:val="2"/>
          </w:tcPr>
          <w:p w:rsidR="003C1E67" w:rsidRPr="007530A8" w:rsidRDefault="003C1E67" w:rsidP="00FC1640">
            <w:pPr>
              <w:keepNext/>
            </w:pPr>
          </w:p>
        </w:tc>
      </w:tr>
      <w:tr w:rsidR="006743F5" w:rsidRPr="007530A8" w:rsidTr="00FC1640">
        <w:trPr>
          <w:jc w:val="center"/>
        </w:trPr>
        <w:tc>
          <w:tcPr>
            <w:tcW w:w="4876" w:type="dxa"/>
          </w:tcPr>
          <w:p w:rsidR="003C1E67" w:rsidRPr="007530A8" w:rsidRDefault="007530A8" w:rsidP="00FC1640">
            <w:pPr>
              <w:pStyle w:val="AmColumnHeading"/>
              <w:keepNext/>
            </w:pPr>
            <w:r w:rsidRPr="007530A8">
              <w:t>Kommissionens forslag</w:t>
            </w:r>
          </w:p>
        </w:tc>
        <w:tc>
          <w:tcPr>
            <w:tcW w:w="4876" w:type="dxa"/>
          </w:tcPr>
          <w:p w:rsidR="003C1E67" w:rsidRPr="007530A8" w:rsidRDefault="007530A8" w:rsidP="00FC1640">
            <w:pPr>
              <w:pStyle w:val="AmColumnHeading"/>
              <w:keepNext/>
            </w:pPr>
            <w:r w:rsidRPr="007530A8">
              <w:t>Ændringsforslag</w:t>
            </w:r>
          </w:p>
        </w:tc>
      </w:tr>
      <w:tr w:rsidR="006743F5" w:rsidRPr="007530A8" w:rsidTr="00FC1640">
        <w:trPr>
          <w:jc w:val="center"/>
        </w:trPr>
        <w:tc>
          <w:tcPr>
            <w:tcW w:w="4876" w:type="dxa"/>
          </w:tcPr>
          <w:p w:rsidR="003C1E67" w:rsidRPr="007530A8" w:rsidRDefault="007530A8" w:rsidP="00FC1640">
            <w:pPr>
              <w:pStyle w:val="Normal6a"/>
              <w:rPr>
                <w:b/>
                <w:bCs/>
                <w:i/>
                <w:iCs/>
              </w:rPr>
            </w:pPr>
            <w:r w:rsidRPr="007530A8">
              <w:rPr>
                <w:b/>
                <w:bCs/>
                <w:i/>
                <w:iCs/>
              </w:rPr>
              <w:t xml:space="preserve">Den </w:t>
            </w:r>
            <w:r w:rsidRPr="007530A8">
              <w:rPr>
                <w:b/>
                <w:bCs/>
                <w:i/>
                <w:iCs/>
              </w:rPr>
              <w:t>finder anvendelse fra den dato, der fastsættes i henhold til artikel 96, stk. 2, i forordning (EU) 2018/1240.</w:t>
            </w:r>
          </w:p>
        </w:tc>
        <w:tc>
          <w:tcPr>
            <w:tcW w:w="4876" w:type="dxa"/>
          </w:tcPr>
          <w:p w:rsidR="003C1E67" w:rsidRPr="007530A8" w:rsidRDefault="007530A8" w:rsidP="00FC1640">
            <w:pPr>
              <w:pStyle w:val="Normal6a"/>
              <w:rPr>
                <w:b/>
                <w:bCs/>
                <w:i/>
                <w:iCs/>
                <w:szCs w:val="24"/>
              </w:rPr>
            </w:pPr>
            <w:r w:rsidRPr="007530A8">
              <w:rPr>
                <w:b/>
                <w:bCs/>
                <w:i/>
                <w:iCs/>
                <w:szCs w:val="24"/>
              </w:rPr>
              <w:t>udgår</w:t>
            </w:r>
          </w:p>
        </w:tc>
      </w:tr>
    </w:tbl>
    <w:p w:rsidR="003C1E67" w:rsidRPr="007530A8" w:rsidRDefault="007530A8" w:rsidP="003C1E67">
      <w:pPr>
        <w:pStyle w:val="AmOrLang"/>
      </w:pPr>
      <w:r w:rsidRPr="007530A8">
        <w:t xml:space="preserve">Or. </w:t>
      </w:r>
      <w:r w:rsidRPr="007530A8">
        <w:rPr>
          <w:rStyle w:val="HideTWBExt"/>
          <w:rFonts w:eastAsiaTheme="majorEastAsia"/>
          <w:noProof w:val="0"/>
        </w:rPr>
        <w:t>&lt;Original&gt;</w:t>
      </w:r>
      <w:r w:rsidRPr="007530A8">
        <w:rPr>
          <w:rStyle w:val="HideTWBInt"/>
        </w:rPr>
        <w:t>{EN}</w:t>
      </w:r>
      <w:r w:rsidRPr="007530A8">
        <w:t>en</w:t>
      </w:r>
      <w:r w:rsidRPr="007530A8">
        <w:rPr>
          <w:rStyle w:val="HideTWBExt"/>
          <w:rFonts w:eastAsiaTheme="majorEastAsia"/>
          <w:noProof w:val="0"/>
        </w:rPr>
        <w:t>&lt;/Original&gt;</w:t>
      </w:r>
    </w:p>
    <w:p w:rsidR="003C1E67" w:rsidRPr="007530A8" w:rsidRDefault="007530A8" w:rsidP="003C1E67">
      <w:r w:rsidRPr="007530A8">
        <w:rPr>
          <w:rStyle w:val="HideTWBExt"/>
          <w:noProof w:val="0"/>
        </w:rPr>
        <w:t>&lt;/Amend&gt;</w:t>
      </w:r>
    </w:p>
    <w:p w:rsidR="003C1E67" w:rsidRPr="007530A8" w:rsidRDefault="007530A8" w:rsidP="003C1E67">
      <w:r w:rsidRPr="007530A8">
        <w:rPr>
          <w:rStyle w:val="HideTWBExt"/>
          <w:noProof w:val="0"/>
        </w:rPr>
        <w:t>&lt;/RepeatBlock-Amend&gt;</w:t>
      </w:r>
    </w:p>
    <w:p w:rsidR="003C1E67" w:rsidRPr="007530A8" w:rsidRDefault="003C1E67" w:rsidP="003C1E67">
      <w:pPr>
        <w:sectPr w:rsidR="003C1E67" w:rsidRPr="007530A8" w:rsidSect="00FF1EB5">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3C1E67" w:rsidRPr="007530A8" w:rsidRDefault="007530A8" w:rsidP="003C1E67">
      <w:pPr>
        <w:pStyle w:val="PageHeading"/>
      </w:pPr>
      <w:bookmarkStart w:id="2" w:name="_Toc50123876"/>
      <w:bookmarkStart w:id="3" w:name="_Toc51154247"/>
      <w:r w:rsidRPr="007530A8">
        <w:lastRenderedPageBreak/>
        <w:t>BEGRUNDELSE</w:t>
      </w:r>
      <w:bookmarkEnd w:id="2"/>
      <w:bookmarkEnd w:id="3"/>
    </w:p>
    <w:p w:rsidR="003C1E67" w:rsidRPr="007530A8" w:rsidRDefault="007530A8" w:rsidP="002C3D32">
      <w:pPr>
        <w:spacing w:after="240"/>
        <w:rPr>
          <w:b/>
        </w:rPr>
      </w:pPr>
      <w:r w:rsidRPr="007530A8">
        <w:rPr>
          <w:b/>
        </w:rPr>
        <w:t>Forslagets baggrund og indhold</w:t>
      </w:r>
    </w:p>
    <w:p w:rsidR="003C1E67" w:rsidRPr="007530A8" w:rsidRDefault="007530A8" w:rsidP="002C3D32">
      <w:pPr>
        <w:spacing w:after="240"/>
      </w:pPr>
      <w:r w:rsidRPr="007530A8">
        <w:t xml:space="preserve">Efter Rådets og </w:t>
      </w:r>
      <w:r w:rsidRPr="007530A8">
        <w:t>Europa-Parlamentets vedtagelse i september 2018 af to lovgivningsmæssige retsakter om etablering af ETIAS – en forordning om oprettelse af det europæiske system vedrørende rejseinformation og rejsetilladelse ("ETIAS")</w:t>
      </w:r>
      <w:r w:rsidRPr="007530A8">
        <w:rPr>
          <w:rStyle w:val="FootnoteReference"/>
          <w:rFonts w:eastAsiaTheme="minorHAnsi"/>
        </w:rPr>
        <w:footnoteReference w:id="1"/>
      </w:r>
      <w:r w:rsidRPr="007530A8">
        <w:t xml:space="preserve"> og en ændring af forordningen om Euro</w:t>
      </w:r>
      <w:r w:rsidRPr="007530A8">
        <w:t>pol med henblik på oprettelse af ETIAS</w:t>
      </w:r>
      <w:r w:rsidRPr="007530A8">
        <w:rPr>
          <w:rStyle w:val="FootnoteReference"/>
          <w:rFonts w:eastAsiaTheme="minorHAnsi"/>
        </w:rPr>
        <w:footnoteReference w:id="2"/>
      </w:r>
      <w:r w:rsidRPr="007530A8">
        <w:t> – fremlagde Kommissionen sine forslag til de såkaldte ETIAS-konsekvensændringer.</w:t>
      </w:r>
    </w:p>
    <w:p w:rsidR="003C1E67" w:rsidRPr="007530A8" w:rsidRDefault="007530A8" w:rsidP="002C3D32">
      <w:pPr>
        <w:spacing w:after="240"/>
      </w:pPr>
      <w:r w:rsidRPr="007530A8">
        <w:t xml:space="preserve">I ETIAS-forordningens artikel 11, stk. 2, hedder det, at: "De ændringer af retsakterne om oprettelse af EU-informationssystemerne, som </w:t>
      </w:r>
      <w:r w:rsidRPr="007530A8">
        <w:t>er nødvendige for at etablere disses interoperabilitet med ETIAS, og tilføjelsen af tilsvarende bestemmelser i denne forordning skal være genstand for en separat retsakt." På dette grundlag forelagde Kommissionen den 7. januar 2019 to forskellige forslag t</w:t>
      </w:r>
      <w:r w:rsidRPr="007530A8">
        <w:t xml:space="preserve">il konsekvensændringer med henblik på at fastsætte de tekniske ændringer, der er nødvendige for fuldt ud at oprette ETIAS-systemet, ved at ændre retsakterne om de EU-informationsteknologisystemer, som ETIAS søger i, samt fastsætte tilsvarende bestemmelser </w:t>
      </w:r>
      <w:r w:rsidRPr="007530A8">
        <w:t>og ændre ETIAS-forordningen i overensstemmelse hermed (2019/0001 (COD) og 2019/0002 (COD)).</w:t>
      </w:r>
    </w:p>
    <w:p w:rsidR="003C1E67" w:rsidRPr="007530A8" w:rsidRDefault="007530A8" w:rsidP="002C3D32">
      <w:pPr>
        <w:spacing w:after="240"/>
      </w:pPr>
      <w:r w:rsidRPr="007530A8">
        <w:t>Desuden skal ETIAS i overensstemmelse med meddelelsen om "Stærkere og mere intelligente informationssystemer for grænser og sikkerhed" fra april 2016 bygge på en ge</w:t>
      </w:r>
      <w:r w:rsidRPr="007530A8">
        <w:t xml:space="preserve">nanvendelse af de hardware- og softwarekomponenter, der er udviklet til EES. Det er også den fremgangsmåde, der er anvendt i lovgivningsforslagene om informationssystemernes interoperabilitet. Den tekniske udvikling af det fælles identitetsregister og den </w:t>
      </w:r>
      <w:r w:rsidRPr="007530A8">
        <w:t>europæiske søgeportal, der påtænkes i lovgivningsforslagene om informationssystemernes interoperabilitet, vil skulle udvikles på grundlag af EES-komponenterne/ETIAS-komponenterne. Forslagene indeholder derfor ændringer af ETIAS-forordningen for at specific</w:t>
      </w:r>
      <w:r w:rsidRPr="007530A8">
        <w:t>ere, at det centrale ETIAS-system skal bygge på hardware- og softwarekomponenterne i EES-systemets centrale system, således at der oprettes et fælles identitetsregister til lagring af alfanumeriske identitetsoplysninger om både ETIAS-ansøgere og tredjeland</w:t>
      </w:r>
      <w:r w:rsidRPr="007530A8">
        <w:t>sstatsborgere, der er registreret i EES.</w:t>
      </w:r>
    </w:p>
    <w:p w:rsidR="003C1E67" w:rsidRPr="007530A8" w:rsidRDefault="007530A8" w:rsidP="002C3D32">
      <w:pPr>
        <w:spacing w:after="240"/>
        <w:rPr>
          <w:b/>
        </w:rPr>
      </w:pPr>
      <w:r w:rsidRPr="007530A8">
        <w:rPr>
          <w:b/>
        </w:rPr>
        <w:t>Procedure</w:t>
      </w:r>
    </w:p>
    <w:p w:rsidR="003C1E67" w:rsidRPr="007530A8" w:rsidRDefault="007530A8" w:rsidP="002C3D32">
      <w:pPr>
        <w:spacing w:after="240"/>
      </w:pPr>
      <w:r w:rsidRPr="007530A8">
        <w:t>Da Kommissionens forslag ikke var ledsaget af konsekvensanalyser, og med henblik på at kunne foretage en korrekt vurdering af forslagene og forberede dette udkast til betænkning, besluttede de politiske g</w:t>
      </w:r>
      <w:r w:rsidRPr="007530A8">
        <w:t xml:space="preserve">ruppers koordinatorer at anmode om en alternativ konsekvensanalyse udarbejdet af Europa-Parlamentets Forskningstjeneste (EPRS), som blev afsluttet og forelagt LIBE-udvalget i december 2019. </w:t>
      </w:r>
    </w:p>
    <w:p w:rsidR="003C1E67" w:rsidRPr="007530A8" w:rsidRDefault="007530A8" w:rsidP="002C3D32">
      <w:pPr>
        <w:spacing w:after="240"/>
      </w:pPr>
      <w:r w:rsidRPr="007530A8">
        <w:lastRenderedPageBreak/>
        <w:t>Ordføreren understreger betydningen af at have konsekvensanalyser</w:t>
      </w:r>
      <w:r w:rsidRPr="007530A8">
        <w:t xml:space="preserve"> med henblik på en nøje vurdering og korrekt analyse af nye lovgivningsforslag og deres relevans som en faktor, der bidrager til lovgivningens kvalitet.</w:t>
      </w:r>
    </w:p>
    <w:p w:rsidR="003C1E67" w:rsidRPr="007530A8" w:rsidRDefault="007530A8" w:rsidP="002C3D32">
      <w:pPr>
        <w:spacing w:after="240"/>
      </w:pPr>
      <w:r w:rsidRPr="007530A8">
        <w:t>For at supplere oplysningerne blev Agenturet for Grundlæggende Rettigheder, Den Europæiske Tilsynsføren</w:t>
      </w:r>
      <w:r w:rsidRPr="007530A8">
        <w:t>de for Databeskyttelse og Det Europæiske Databeskyttelsesråd desuden anmodet om udtalelser.</w:t>
      </w:r>
      <w:r w:rsidR="002C3D32" w:rsidRPr="007530A8">
        <w:t xml:space="preserve"> </w:t>
      </w:r>
    </w:p>
    <w:p w:rsidR="003C1E67" w:rsidRPr="007530A8" w:rsidRDefault="007530A8" w:rsidP="002C3D32">
      <w:pPr>
        <w:spacing w:after="240"/>
        <w:rPr>
          <w:b/>
        </w:rPr>
      </w:pPr>
      <w:r w:rsidRPr="007530A8">
        <w:rPr>
          <w:b/>
        </w:rPr>
        <w:t>Ordførerens holdning</w:t>
      </w:r>
    </w:p>
    <w:p w:rsidR="003C1E67" w:rsidRPr="007530A8" w:rsidRDefault="007530A8" w:rsidP="002C3D32">
      <w:pPr>
        <w:spacing w:after="240"/>
      </w:pPr>
      <w:r w:rsidRPr="007530A8">
        <w:t>Ordføreren glæder sig generelt over forslagene til konsekvensændringer af det europæiske system vedrørende rejseinformation og rejsetilladel</w:t>
      </w:r>
      <w:r w:rsidRPr="007530A8">
        <w:t xml:space="preserve">se. Han mener imidlertid, at der er plads til forbedring for så vidt angår nogle af de ændrede artikler og som opfølgning af henstillingerne i EPRS' alternative konsekvensanalyser. </w:t>
      </w:r>
    </w:p>
    <w:p w:rsidR="003C1E67" w:rsidRPr="007530A8" w:rsidRDefault="007530A8" w:rsidP="002C3D32">
      <w:pPr>
        <w:spacing w:after="240"/>
      </w:pPr>
      <w:r w:rsidRPr="007530A8">
        <w:t xml:space="preserve">Han støtter den overordnede logik og hovedelementerne i Kommissionens </w:t>
      </w:r>
      <w:r w:rsidRPr="007530A8">
        <w:t>forslag, idet han erkender, at forslagene er en konsekvens af og en retlig forpligtelse, der følger af bestemmelserne i forordning 2018/1240 (ETIAS-forordningen), som medlovgiverne enedes om. Den automatiske kontrol, der kræves i henhold til ETIAS-forordni</w:t>
      </w:r>
      <w:r w:rsidRPr="007530A8">
        <w:t xml:space="preserve">ngen, kan kun foretages, hvis det centrale ETIAS-system er i stand til at kommunikere med andre EU-informationssystemer. Forslagene indeholder de tekniske elementer, der er nødvendige for at sammenligne personoplysninger i de forskellige applikationer med </w:t>
      </w:r>
      <w:r w:rsidRPr="007530A8">
        <w:t>oplysningerne i registre, mapper eller indberetninger, der er registreret i EU's informationssystemer og databaser, i lyset af interoperabiliteten af informationssystemer til sikkerheds-, grænse- og migrationsforvaltning.</w:t>
      </w:r>
    </w:p>
    <w:p w:rsidR="003C1E67" w:rsidRPr="007530A8" w:rsidRDefault="007530A8" w:rsidP="002C3D32">
      <w:pPr>
        <w:spacing w:after="240"/>
      </w:pPr>
      <w:r w:rsidRPr="007530A8">
        <w:t>Eftersom Kommissionens forslag ble</w:t>
      </w:r>
      <w:r w:rsidRPr="007530A8">
        <w:t xml:space="preserve">v fremlagt den 7. januar 2019, mens de interinstitutionelle forhandlinger om interoperabilitetsforslagene og ECRIS-TCN-forslaget stadig pågik, var det nødvendigt at ajourføre Kommissionens forslag i overensstemmelse med aftalerne om disse dossierer, der i </w:t>
      </w:r>
      <w:r w:rsidRPr="007530A8">
        <w:t xml:space="preserve">mellemtiden er blevet vedtaget. </w:t>
      </w:r>
    </w:p>
    <w:p w:rsidR="003C1E67" w:rsidRPr="007530A8" w:rsidRDefault="007530A8" w:rsidP="002C3D32">
      <w:pPr>
        <w:spacing w:after="240"/>
      </w:pPr>
      <w:r w:rsidRPr="007530A8">
        <w:t>I overensstemmelse med anbefalingerne i EPRS' alternative konsekvensanalyse er der foretaget yderligere forbedringer af proceduren for påtegning i forhold til tredjelandsstatsborgere, der er blevet dømt for terrorisme eller</w:t>
      </w:r>
      <w:r w:rsidRPr="007530A8">
        <w:t xml:space="preserve"> alvorlige strafbare handlinger. Endvidere er bestemmelserne om overvågning og statistikker blevet styrket på en sådan måde, at det sikres, at Kommissionen regelmæssigt skal evaluere ETIAS-systemets søgninger i ECRIS-TCN-systemet og underrette Europa-Parla</w:t>
      </w:r>
      <w:r w:rsidRPr="007530A8">
        <w:t>mentet og Den Europæiske Tilsynsførende for Databeskyttelse. Endelig finder ordføreren, at definitionen af delvis overensstemmelse mellem EU's informationssystemers registre ved hjælp af en gennemførelsesretsakt er uhensigtsmæssig. For så vidt angår den po</w:t>
      </w:r>
      <w:r w:rsidRPr="007530A8">
        <w:t>tentielle betydelige indvirkning på retten til privatlivets fred og beskyttelse af personoplysninger er det mere hensigtsmæssigt at gøre dette ved hjælp af delegerede retsakter for at sikre, at Europa-Parlamentet fører et passende tilsyn i overensstemmelse</w:t>
      </w:r>
      <w:r w:rsidRPr="007530A8">
        <w:t xml:space="preserve"> med lignende bestemmelser i interoperabilitetsforordningen.</w:t>
      </w:r>
      <w:r w:rsidR="002C3D32" w:rsidRPr="007530A8">
        <w:t xml:space="preserve"> </w:t>
      </w:r>
    </w:p>
    <w:p w:rsidR="002669B6" w:rsidRPr="007530A8" w:rsidRDefault="007530A8" w:rsidP="002C3D32">
      <w:pPr>
        <w:spacing w:after="240"/>
      </w:pPr>
      <w:r w:rsidRPr="007530A8">
        <w:t>Sluttelig mener ordføreren, at der også hvad angår indberetninger om tredjelandsstatsborgere, der er genstand for en afgørelse om tilbagesendelse, er merværdi ved at søge i Schengeninformat</w:t>
      </w:r>
      <w:r w:rsidRPr="007530A8">
        <w:t>ionssystemerne (SIS).</w:t>
      </w:r>
      <w:r w:rsidR="002C3D32" w:rsidRPr="007530A8">
        <w:t xml:space="preserve"> </w:t>
      </w:r>
      <w:r w:rsidRPr="007530A8">
        <w:t>Søgning i SIS efter denne indberetningstype på et tidligt tidspunkt, inden tredjelandsstatsborgeren indfinder sig ved en medlemsstats grænse, vil være til fordel for medlemsstaten og tredjelandsstatsborgeren.</w:t>
      </w:r>
    </w:p>
    <w:p w:rsidR="007530A8" w:rsidRPr="007530A8" w:rsidRDefault="007530A8" w:rsidP="002C3D32">
      <w:pPr>
        <w:spacing w:after="240"/>
      </w:pPr>
      <w:bookmarkStart w:id="4" w:name="_GoBack"/>
      <w:bookmarkEnd w:id="4"/>
    </w:p>
    <w:sectPr w:rsidR="007530A8" w:rsidRPr="007530A8" w:rsidSect="003C1E67">
      <w:headerReference w:type="even" r:id="rId15"/>
      <w:headerReference w:type="default" r:id="rId16"/>
      <w:headerReference w:type="first" r:id="rId17"/>
      <w:footerReference w:type="first" r:id="rId18"/>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1C09F6" w:rsidRDefault="007530A8">
      <w:r w:rsidRPr="001C09F6">
        <w:separator/>
      </w:r>
    </w:p>
  </w:endnote>
  <w:endnote w:type="continuationSeparator" w:id="0">
    <w:p w:rsidR="00000000" w:rsidRPr="001C09F6" w:rsidRDefault="007530A8">
      <w:r w:rsidRPr="001C09F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1EB5" w:rsidRPr="001C09F6" w:rsidRDefault="00FF1EB5" w:rsidP="00FF1EB5">
    <w:pPr>
      <w:pStyle w:val="EPFooter"/>
    </w:pPr>
    <w:r w:rsidRPr="001C09F6">
      <w:t>PE</w:t>
    </w:r>
    <w:r w:rsidRPr="001C09F6">
      <w:rPr>
        <w:rStyle w:val="HideTWBExt"/>
        <w:noProof w:val="0"/>
      </w:rPr>
      <w:t>&lt;NoPE&gt;</w:t>
    </w:r>
    <w:r w:rsidRPr="001C09F6">
      <w:t>643.218</w:t>
    </w:r>
    <w:r w:rsidRPr="001C09F6">
      <w:rPr>
        <w:rStyle w:val="HideTWBExt"/>
        <w:noProof w:val="0"/>
      </w:rPr>
      <w:t>&lt;/NoPE&gt;&lt;Version&gt;</w:t>
    </w:r>
    <w:r w:rsidRPr="001C09F6">
      <w:t>v01-00</w:t>
    </w:r>
    <w:r w:rsidRPr="001C09F6">
      <w:rPr>
        <w:rStyle w:val="HideTWBExt"/>
        <w:noProof w:val="0"/>
      </w:rPr>
      <w:t>&lt;/Version&gt;</w:t>
    </w:r>
    <w:r w:rsidRPr="001C09F6">
      <w:tab/>
    </w:r>
    <w:r w:rsidRPr="001C09F6">
      <w:fldChar w:fldCharType="begin"/>
    </w:r>
    <w:r w:rsidRPr="001C09F6">
      <w:instrText xml:space="preserve"> PAGE  \* MERGEFORMAT </w:instrText>
    </w:r>
    <w:r w:rsidRPr="001C09F6">
      <w:fldChar w:fldCharType="separate"/>
    </w:r>
    <w:r w:rsidR="007530A8">
      <w:rPr>
        <w:noProof/>
      </w:rPr>
      <w:t>28</w:t>
    </w:r>
    <w:r w:rsidRPr="001C09F6">
      <w:fldChar w:fldCharType="end"/>
    </w:r>
    <w:r w:rsidRPr="001C09F6">
      <w:t>/</w:t>
    </w:r>
    <w:fldSimple w:instr=" NUMPAGES  \* MERGEFORMAT ">
      <w:r w:rsidR="007530A8">
        <w:rPr>
          <w:noProof/>
        </w:rPr>
        <w:t>29</w:t>
      </w:r>
    </w:fldSimple>
    <w:r w:rsidRPr="001C09F6">
      <w:tab/>
    </w:r>
    <w:r w:rsidRPr="001C09F6">
      <w:rPr>
        <w:rStyle w:val="HideTWBExt"/>
        <w:noProof w:val="0"/>
      </w:rPr>
      <w:t>&lt;PathFdR&gt;</w:t>
    </w:r>
    <w:r w:rsidRPr="001C09F6">
      <w:t>PR\1192698DA.docx</w:t>
    </w:r>
    <w:r w:rsidRPr="001C09F6">
      <w:rPr>
        <w:rStyle w:val="HideTWBExt"/>
        <w:noProof w:val="0"/>
      </w:rPr>
      <w:t>&lt;/PathFdR&gt;</w:t>
    </w:r>
  </w:p>
  <w:p w:rsidR="003C1E67" w:rsidRPr="001C09F6" w:rsidRDefault="00FF1EB5" w:rsidP="00FF1EB5">
    <w:pPr>
      <w:pStyle w:val="EPFooter2"/>
    </w:pPr>
    <w:r w:rsidRPr="001C09F6">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1EB5" w:rsidRPr="001C09F6" w:rsidRDefault="00FF1EB5" w:rsidP="00FF1EB5">
    <w:pPr>
      <w:pStyle w:val="EPFooter"/>
    </w:pPr>
    <w:r w:rsidRPr="001C09F6">
      <w:rPr>
        <w:rStyle w:val="HideTWBExt"/>
        <w:noProof w:val="0"/>
      </w:rPr>
      <w:t>&lt;PathFdR&gt;</w:t>
    </w:r>
    <w:r w:rsidRPr="001C09F6">
      <w:t>PR\1192698DA.docx</w:t>
    </w:r>
    <w:r w:rsidRPr="001C09F6">
      <w:rPr>
        <w:rStyle w:val="HideTWBExt"/>
        <w:noProof w:val="0"/>
      </w:rPr>
      <w:t>&lt;/PathFdR&gt;</w:t>
    </w:r>
    <w:r w:rsidRPr="001C09F6">
      <w:tab/>
    </w:r>
    <w:r w:rsidRPr="001C09F6">
      <w:fldChar w:fldCharType="begin"/>
    </w:r>
    <w:r w:rsidRPr="001C09F6">
      <w:instrText xml:space="preserve"> PAGE  \* MERGEFORMAT </w:instrText>
    </w:r>
    <w:r w:rsidRPr="001C09F6">
      <w:fldChar w:fldCharType="separate"/>
    </w:r>
    <w:r w:rsidR="007530A8">
      <w:rPr>
        <w:noProof/>
      </w:rPr>
      <w:t>29</w:t>
    </w:r>
    <w:r w:rsidRPr="001C09F6">
      <w:fldChar w:fldCharType="end"/>
    </w:r>
    <w:r w:rsidRPr="001C09F6">
      <w:t>/</w:t>
    </w:r>
    <w:fldSimple w:instr=" NUMPAGES  \* MERGEFORMAT ">
      <w:r w:rsidR="007530A8">
        <w:rPr>
          <w:noProof/>
        </w:rPr>
        <w:t>29</w:t>
      </w:r>
    </w:fldSimple>
    <w:r w:rsidRPr="001C09F6">
      <w:tab/>
      <w:t>PE</w:t>
    </w:r>
    <w:r w:rsidRPr="001C09F6">
      <w:rPr>
        <w:rStyle w:val="HideTWBExt"/>
        <w:noProof w:val="0"/>
      </w:rPr>
      <w:t>&lt;NoPE&gt;</w:t>
    </w:r>
    <w:r w:rsidRPr="001C09F6">
      <w:t>643.218</w:t>
    </w:r>
    <w:r w:rsidRPr="001C09F6">
      <w:rPr>
        <w:rStyle w:val="HideTWBExt"/>
        <w:noProof w:val="0"/>
      </w:rPr>
      <w:t>&lt;/NoPE&gt;&lt;Version&gt;</w:t>
    </w:r>
    <w:r w:rsidRPr="001C09F6">
      <w:t>v01-00</w:t>
    </w:r>
    <w:r w:rsidRPr="001C09F6">
      <w:rPr>
        <w:rStyle w:val="HideTWBExt"/>
        <w:noProof w:val="0"/>
      </w:rPr>
      <w:t>&lt;/Version&gt;</w:t>
    </w:r>
  </w:p>
  <w:p w:rsidR="003C1E67" w:rsidRPr="001C09F6" w:rsidRDefault="00FF1EB5" w:rsidP="00FF1EB5">
    <w:pPr>
      <w:pStyle w:val="EPFooter2"/>
    </w:pPr>
    <w:r w:rsidRPr="001C09F6">
      <w:tab/>
    </w:r>
    <w:r w:rsidRPr="001C09F6">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1EB5" w:rsidRPr="001C09F6" w:rsidRDefault="00FF1EB5" w:rsidP="00FF1EB5">
    <w:pPr>
      <w:pStyle w:val="EPFooter"/>
    </w:pPr>
    <w:r w:rsidRPr="001C09F6">
      <w:rPr>
        <w:rStyle w:val="HideTWBExt"/>
        <w:noProof w:val="0"/>
      </w:rPr>
      <w:t>&lt;PathFdR&gt;</w:t>
    </w:r>
    <w:r w:rsidRPr="001C09F6">
      <w:t>PR\1192698DA.docx</w:t>
    </w:r>
    <w:r w:rsidRPr="001C09F6">
      <w:rPr>
        <w:rStyle w:val="HideTWBExt"/>
        <w:noProof w:val="0"/>
      </w:rPr>
      <w:t>&lt;/PathFdR&gt;</w:t>
    </w:r>
    <w:r w:rsidRPr="001C09F6">
      <w:tab/>
    </w:r>
    <w:r w:rsidRPr="001C09F6">
      <w:tab/>
      <w:t>PE</w:t>
    </w:r>
    <w:r w:rsidRPr="001C09F6">
      <w:rPr>
        <w:rStyle w:val="HideTWBExt"/>
        <w:noProof w:val="0"/>
      </w:rPr>
      <w:t>&lt;NoPE&gt;</w:t>
    </w:r>
    <w:r w:rsidRPr="001C09F6">
      <w:t>643.218</w:t>
    </w:r>
    <w:r w:rsidRPr="001C09F6">
      <w:rPr>
        <w:rStyle w:val="HideTWBExt"/>
        <w:noProof w:val="0"/>
      </w:rPr>
      <w:t>&lt;/NoPE&gt;&lt;Version&gt;</w:t>
    </w:r>
    <w:r w:rsidRPr="001C09F6">
      <w:t>v01-00</w:t>
    </w:r>
    <w:r w:rsidRPr="001C09F6">
      <w:rPr>
        <w:rStyle w:val="HideTWBExt"/>
        <w:noProof w:val="0"/>
      </w:rPr>
      <w:t>&lt;/Version&gt;</w:t>
    </w:r>
  </w:p>
  <w:p w:rsidR="003C1E67" w:rsidRPr="001C09F6" w:rsidRDefault="00FF1EB5" w:rsidP="00FF1EB5">
    <w:pPr>
      <w:pStyle w:val="EPFooter2"/>
    </w:pPr>
    <w:r w:rsidRPr="001C09F6">
      <w:t>DA</w:t>
    </w:r>
    <w:r w:rsidRPr="001C09F6">
      <w:tab/>
    </w:r>
    <w:r w:rsidRPr="001C09F6">
      <w:rPr>
        <w:b w:val="0"/>
        <w:i/>
        <w:color w:val="C0C0C0"/>
        <w:sz w:val="22"/>
      </w:rPr>
      <w:t>Forenet i mangfoldighed</w:t>
    </w:r>
    <w:r w:rsidRPr="001C09F6">
      <w:tab/>
      <w:t>DA</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2FE" w:rsidRPr="001C09F6" w:rsidRDefault="007530A8" w:rsidP="00F07062">
    <w:pPr>
      <w:pStyle w:val="EPFooter"/>
    </w:pPr>
    <w:r w:rsidRPr="001C09F6">
      <w:rPr>
        <w:rStyle w:val="HideTWBExt"/>
        <w:noProof w:val="0"/>
      </w:rPr>
      <w:t>&lt;PathFdR&gt;</w:t>
    </w:r>
    <w:r w:rsidR="001C09F6" w:rsidRPr="001C09F6">
      <w:rPr>
        <w:color w:val="auto"/>
      </w:rPr>
      <w:t>PR\1192698DA.docx</w:t>
    </w:r>
    <w:r w:rsidRPr="001C09F6">
      <w:rPr>
        <w:rStyle w:val="HideTWBExt"/>
        <w:noProof w:val="0"/>
      </w:rPr>
      <w:t>&lt;/PathFdR&gt;</w:t>
    </w:r>
    <w:r w:rsidRPr="001C09F6">
      <w:tab/>
    </w:r>
    <w:r w:rsidRPr="001C09F6">
      <w:tab/>
      <w:t>PE</w:t>
    </w:r>
    <w:r w:rsidRPr="001C09F6">
      <w:rPr>
        <w:rStyle w:val="HideTWBExt"/>
        <w:noProof w:val="0"/>
      </w:rPr>
      <w:t>&lt;NoPE&gt;</w:t>
    </w:r>
    <w:r w:rsidR="00186918" w:rsidRPr="001C09F6">
      <w:rPr>
        <w:color w:val="auto"/>
      </w:rPr>
      <w:t>643.218</w:t>
    </w:r>
    <w:r w:rsidRPr="001C09F6">
      <w:rPr>
        <w:rStyle w:val="HideTWBExt"/>
        <w:noProof w:val="0"/>
      </w:rPr>
      <w:t>&lt;/NoPE&gt;&lt;Version&gt;</w:t>
    </w:r>
    <w:r w:rsidR="001D78AD" w:rsidRPr="001C09F6">
      <w:t>v</w:t>
    </w:r>
    <w:r w:rsidR="00186918" w:rsidRPr="001C09F6">
      <w:rPr>
        <w:color w:val="auto"/>
      </w:rPr>
      <w:t>01-00</w:t>
    </w:r>
    <w:r w:rsidRPr="001C09F6">
      <w:rPr>
        <w:rStyle w:val="HideTWBExt"/>
        <w:noProof w:val="0"/>
      </w:rPr>
      <w:t>&lt;/Version&gt;</w:t>
    </w:r>
  </w:p>
  <w:p w:rsidR="00FB52FE" w:rsidRPr="001C09F6" w:rsidRDefault="009F745B" w:rsidP="00461601">
    <w:pPr>
      <w:pStyle w:val="EPFooter2"/>
      <w:tabs>
        <w:tab w:val="clear" w:pos="4535"/>
        <w:tab w:val="center" w:pos="4536"/>
      </w:tabs>
    </w:pPr>
    <w:r w:rsidRPr="001C09F6">
      <w:fldChar w:fldCharType="begin"/>
    </w:r>
    <w:r w:rsidR="007530A8" w:rsidRPr="001C09F6">
      <w:instrText xml:space="preserve"> DOCPROPERTY "&lt;Extension&gt;" </w:instrText>
    </w:r>
    <w:r w:rsidRPr="001C09F6">
      <w:fldChar w:fldCharType="separate"/>
    </w:r>
    <w:r w:rsidR="007530A8">
      <w:t>DA</w:t>
    </w:r>
    <w:r w:rsidRPr="001C09F6">
      <w:fldChar w:fldCharType="end"/>
    </w:r>
    <w:r w:rsidR="007530A8" w:rsidRPr="001C09F6">
      <w:tab/>
    </w:r>
    <w:r w:rsidR="00186918" w:rsidRPr="001C09F6">
      <w:rPr>
        <w:b w:val="0"/>
        <w:i/>
        <w:color w:val="C0C0C0"/>
        <w:sz w:val="22"/>
        <w:szCs w:val="22"/>
      </w:rPr>
      <w:t>Forenet i mangfoldighed</w:t>
    </w:r>
    <w:r w:rsidR="007530A8" w:rsidRPr="001C09F6">
      <w:tab/>
    </w:r>
    <w:r w:rsidRPr="001C09F6">
      <w:fldChar w:fldCharType="begin"/>
    </w:r>
    <w:r w:rsidR="007530A8" w:rsidRPr="001C09F6">
      <w:instrText xml:space="preserve"> DOCPROPERTY "&lt;Extension&gt;" </w:instrText>
    </w:r>
    <w:r w:rsidRPr="001C09F6">
      <w:fldChar w:fldCharType="separate"/>
    </w:r>
    <w:r w:rsidR="007530A8">
      <w:t>DA</w:t>
    </w:r>
    <w:r w:rsidRPr="001C09F6">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D78AD" w:rsidRPr="001C09F6" w:rsidRDefault="007530A8">
      <w:r w:rsidRPr="001C09F6">
        <w:separator/>
      </w:r>
    </w:p>
  </w:footnote>
  <w:footnote w:type="continuationSeparator" w:id="0">
    <w:p w:rsidR="001D78AD" w:rsidRPr="001C09F6" w:rsidRDefault="007530A8">
      <w:r w:rsidRPr="001C09F6">
        <w:continuationSeparator/>
      </w:r>
    </w:p>
  </w:footnote>
  <w:footnote w:id="1">
    <w:p w:rsidR="003C1E67" w:rsidRPr="001C09F6" w:rsidRDefault="007530A8" w:rsidP="002C3D32">
      <w:pPr>
        <w:pStyle w:val="FootnoteText"/>
        <w:ind w:left="0" w:firstLine="0"/>
        <w:jc w:val="left"/>
      </w:pPr>
      <w:r w:rsidRPr="001C09F6">
        <w:rPr>
          <w:rStyle w:val="FootnoteReference"/>
        </w:rPr>
        <w:footnoteRef/>
      </w:r>
      <w:r w:rsidRPr="001C09F6">
        <w:t xml:space="preserve"> Europa-Parlamentets og Rådets forordning (EU) 2018/1240 af 12. september 2018 om oprettelse af et europæisk system vedrørende rejseinformation og rejsetilladelse (ETIAS) og om ændring af forordning (EU) nr. 1077/2011, (EU) nr. 515/2014, (EU) 2016/399 (EU)</w:t>
      </w:r>
      <w:r w:rsidRPr="001C09F6">
        <w:t xml:space="preserve"> 2016/1624 og (EU) 2017/2226 (EUT L 236 af 19.9.2018, s. 1).</w:t>
      </w:r>
    </w:p>
  </w:footnote>
  <w:footnote w:id="2">
    <w:p w:rsidR="003C1E67" w:rsidRPr="001C09F6" w:rsidRDefault="007530A8" w:rsidP="002C3D32">
      <w:pPr>
        <w:pStyle w:val="FootnoteText"/>
        <w:ind w:left="0" w:firstLine="0"/>
        <w:jc w:val="left"/>
      </w:pPr>
      <w:r w:rsidRPr="001C09F6">
        <w:rPr>
          <w:rStyle w:val="FootnoteReference"/>
        </w:rPr>
        <w:footnoteRef/>
      </w:r>
      <w:r w:rsidRPr="001C09F6">
        <w:t xml:space="preserve"> Europa-Parlamentets og Rådets forordning (EU) 2018/1241 af 12. september 2018 om ændring af forordning (EU) 2016/794 med henblik på oprettelse af et europæisk system vedrørende rejseinformation</w:t>
      </w:r>
      <w:r w:rsidRPr="001C09F6">
        <w:t xml:space="preserve"> og rejsetilladelse (ETIAS) (EUT L 236 af 19.9.2018, s. 72).</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C3D32" w:rsidRDefault="002C3D3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C3D32" w:rsidRDefault="002C3D3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C3D32" w:rsidRDefault="002C3D32">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86918" w:rsidRDefault="00186918">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86918" w:rsidRDefault="00186918">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86918" w:rsidRDefault="0018691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LIBE"/>
    <w:docVar w:name="DOCMNU" w:val=" 1"/>
    <w:docVar w:name="EPSTATMNU" w:val=" 5"/>
    <w:docVar w:name="INSTITUTIONSMNU" w:val=" 1"/>
    <w:docVar w:name="JURI1MNU" w:val=" 2"/>
    <w:docVar w:name="JURI2MNU" w:val=" 2"/>
    <w:docVar w:name="LastEditedSection" w:val=" 1"/>
    <w:docVar w:name="OTHERSTATMNU" w:val=" 4"/>
    <w:docVar w:name="PARLIAMENTSMNU" w:val=" 2"/>
    <w:docVar w:name="RepeatBlock-AmendDA"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254514 HideTWBExt;}{\*\cs18 \additive \v\f1\fs20\cf15 _x000d__x000a_\spriority0 \styrsid10254514 HideTWBInt;}{\s19\ql \li0\ri0\sa120\nowidctlpar\wrapdefault\aspalpha\aspnum\faauto\adjustright\rin0\lin0\itap0 \rtlch\fcs1 \af0\afs20\alang1025 \ltrch\fcs0 \fs24\lang1030\langfe2057\cgrid\langnp1030\langfenp2057 _x000d__x000a_\sbasedon0 \snext19 \spriority0 \styrsid10254514 Normal6a;}{\s20\ql \li0\ri0\nowidctlpar\wrapdefault\aspalpha\aspnum\faauto\adjustright\rin0\lin0\itap0 \rtlch\fcs1 \af0\afs20\alang1025 \ltrch\fcs0 \b\fs24\lang1030\langfe2057\cgrid\langnp1030\langfenp2057 _x000d__x000a_\sbasedon0 \snext20 \spriority0 \styrsid10254514 NormalBold;}{\s21\ql \li0\ri0\sa240\nowidctlpar\wrapdefault\aspalpha\aspnum\faauto\adjustright\rin0\lin0\itap0 \rtlch\fcs1 \af0\afs20\alang1025 \ltrch\fcs0 _x000d__x000a_\i\fs24\lang1030\langfe2057\cgrid\langnp1030\langfenp2057 \sbasedon0 \snext21 \spriority0 \styrsid10254514 AmJustText;}{\s22\qc \li0\ri0\sb240\sa240\nowidctlpar\wrapdefault\aspalpha\aspnum\faauto\adjustright\rin0\lin0\itap0 \rtlch\fcs1 _x000d__x000a_\af0\afs20\alang1025 \ltrch\fcs0 \i\fs24\lang1030\langfe2057\cgrid\langnp1030\langfenp2057 \sbasedon0 \snext22 \spriority0 \styrsid10254514 AmCrossRef;}{_x000d__x000a_\s23\qc \li0\ri0\sb240\sa240\keepn\nowidctlpar\wrapdefault\aspalpha\aspnum\faauto\adjustright\rin0\lin0\itap0 \rtlch\fcs1 \af0\afs20\alang1025 \ltrch\fcs0 \i\fs24\lang1030\langfe2057\cgrid\langnp1030\langfenp2057 _x000d__x000a_\sbasedon0 \snext21 \spriority0 \styrsid10254514 AmJustTitle;}{\s24\qr \li0\ri0\sb240\sa240\nowidctlpar\wrapdefault\aspalpha\aspnum\faauto\adjustright\rin0\lin0\itap0 \rtlch\fcs1 \af0\afs20\alang1025 \ltrch\fcs0 _x000d__x000a_\fs24\lang1030\langfe2057\cgrid\langnp1030\langfenp2057 \sbasedon0 \snext24 \spriority0 \styrsid10254514 AmOrLang;}{\s25\qc \li0\ri0\sa240\nowidctlpar\wrapdefault\aspalpha\aspnum\faauto\adjustright\rin0\lin0\itap0 \rtlch\fcs1 \af0\afs20\alang1025 _x000d__x000a_\ltrch\fcs0 \i\fs24\lang1030\langfe2057\cgrid\langnp1030\langfenp2057 \sbasedon0 \snext25 \spriority0 \styrsid10254514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6 \spriority0 \styrsid10254514 AmNumberTabs;}{\s27\ql \li0\ri0\sb240\nowidctlpar\wrapdefault\aspalpha\aspnum\faauto\adjustright\rin0\lin0\itap0 \rtlch\fcs1 _x000d__x000a_\af0\afs20\alang1025 \ltrch\fcs0 \b\fs24\lang1030\langfe2057\cgrid\langnp1030\langfenp2057 \sbasedon0 \snext27 \spriority0 \styrsid10254514 NormalBold12b;}}{\*\rsidtbl \rsid24658\rsid223860\rsid735077\rsid1718133\rsid2892074\rsid3565327\rsid4666813_x000d__x000a_\rsid6641733\rsid7823322\rsid9636012\rsid10254514\rsid10377208\rsid11215221\rsid11549030\rsid11814065\rsid12154954\rsid14382809\rsid14424199\rsid15204470\rsid15285974\rsid15950462\rsid16324206\rsid16662270}{\mmathPr\mmathFont34\mbrkBin0\mbrkBinSub0_x000d__x000a_\msmallFrac0\mdispDef1\mlMargin0\mrMargin0\mdefJc1\mwrapIndent1440\mintLim0\mnaryLim1}{\info{\author ZINOCKER Marianne}{\operator ZINOCKER Marianne}{\creatim\yr2020\mo9\dy7\hr11\min55}{\revtim\yr2020\mo9\dy7\hr11\min55}{\version1}{\edmins0}{\nofpages1}_x000d__x000a_{\nofwords105}{\nofchars602}{\nofcharsws706}{\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254514\newtblstyruls\nogrowautofit\usenormstyforlist\noindnmbrts\felnbrelev\nocxsptable\indrlsweleven\noafcnsttbl\afelev\utinl\hwelev\spltpgpar\notcvasp\notbrkcnstfrctbl\notvatxbx\krnprsnet\cachedcolbal _x000d__x000a_\nouicompat \fet0{\*\wgrffmtfilter 013f}\nofeaturethrottle1\ilfomacatclnup0{\*\template C:\\Users\\MZINOC~1\\AppData\\Local\\Temp\\Blank1.dotx}{\*\ftnsep \ltrpar \pard\plain \ltrpar_x000d__x000a_\ql \li0\ri0\widctlpar\wrapdefault\aspalpha\aspnum\faauto\adjustright\rin0\lin0\itap0 \rtlch\fcs1 \af0\afs20\alang1025 \ltrch\fcs0 \fs24\lang2057\langfe2057\cgrid\langnp2057\langfenp2057 {\rtlch\fcs1 \af0 \ltrch\fcs0 \insrsid11814065 \chftnsep _x000d__x000a_\par }}{\*\ftnsepc \ltrpar \pard\plain \ltrpar\ql \li0\ri0\widctlpar\wrapdefault\aspalpha\aspnum\faauto\adjustright\rin0\lin0\itap0 \rtlch\fcs1 \af0\afs20\alang1025 \ltrch\fcs0 \fs24\lang2057\langfe2057\cgrid\langnp2057\langfenp2057 {\rtlch\fcs1 \af0 _x000d__x000a_\ltrch\fcs0 \insrsid11814065 \chftnsepc _x000d__x000a_\par }}{\*\aftnsep \ltrpar \pard\plain \ltrpar\ql \li0\ri0\widctlpar\wrapdefault\aspalpha\aspnum\faauto\adjustright\rin0\lin0\itap0 \rtlch\fcs1 \af0\afs20\alang1025 \ltrch\fcs0 \fs24\lang2057\langfe2057\cgrid\langnp2057\langfenp2057 {\rtlch\fcs1 \af0 _x000d__x000a_\ltrch\fcs0 \insrsid11814065 \chftnsep _x000d__x000a_\par }}{\*\aftnsepc \ltrpar \pard\plain \ltrpar\ql \li0\ri0\widctlpar\wrapdefault\aspalpha\aspnum\faauto\adjustright\rin0\lin0\itap0 \rtlch\fcs1 \af0\afs20\alang1025 \ltrch\fcs0 \fs24\lang2057\langfe2057\cgrid\langnp2057\langfenp2057 {\rtlch\fcs1 \af0 _x000d__x000a_\ltrch\fcs0 \insrsid1181406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0254514 \rtlch\fcs1 _x000d__x000a_\af0\afs20\alang1025 \ltrch\fcs0 \b\fs24\lang1030\langfe2057\cgrid\langnp1030\langfenp2057 {\rtlch\fcs1 \af0 \ltrch\fcs0 \cs17\b0\v\fs20\cf9\loch\af1\hich\af1\dbch\af31501\insrsid10254514\charrsid1931437 {\*\bkmkstart restart}_x000d__x000a_\hich\af1\dbch\af31501\loch\f1 &lt;Amend&gt;}{\rtlch\fcs1 \af0 \ltrch\fcs0 \insrsid10254514\charrsid1931437 \'c6ndringsforslag\tab \tab }{\rtlch\fcs1 \af0 \ltrch\fcs0 \cs17\b0\v\fs20\cf9\loch\af1\hich\af1\dbch\af31501\insrsid10254514\charrsid1931437 _x000d__x000a_\hich\af1\dbch\af31501\loch\f1 &lt;NumAm&gt;}{\rtlch\fcs1 \af0 \ltrch\fcs0 \insrsid10254514\charrsid1931437 #}{\rtlch\fcs1 \af1 \ltrch\fcs0 \cs18\v\f1\fs20\cf15\insrsid10254514\charrsid1931437 ENMIENDA@NRAM@}{\rtlch\fcs1 \af0 \ltrch\fcs0 _x000d__x000a_\insrsid10254514\charrsid1931437 #}{\rtlch\fcs1 \af0 \ltrch\fcs0 \cs17\b0\v\fs20\cf9\loch\af1\hich\af1\dbch\af31501\insrsid10254514\charrsid1931437 \hich\af1\dbch\af31501\loch\f1 &lt;/NumAm&gt;}{\rtlch\fcs1 \af0 \ltrch\fcs0 \insrsid10254514\charrsid1931437 _x000d__x000a__x000d__x000a_\par }\pard\plain \ltrpar\s27\ql \li0\ri0\sb240\keepn\nowidctlpar\wrapdefault\aspalpha\aspnum\faauto\adjustright\rin0\lin0\itap0\pararsid10254514 \rtlch\fcs1 \af0\afs20\alang1025 \ltrch\fcs0 \b\fs24\lang1030\langfe2057\cgrid\langnp1030\langfenp2057 {_x000d__x000a_\rtlch\fcs1 \af0 \ltrch\fcs0 \cs17\b0\v\fs20\cf9\loch\af1\hich\af1\dbch\af31501\insrsid10254514\charrsid1931437 \hich\af1\dbch\af31501\loch\f1 &lt;DocAmend&gt;}{\rtlch\fcs1 \af0 \ltrch\fcs0 \insrsid10254514\charrsid1931437 Forslag til #}{\rtlch\fcs1 \af1 _x000d__x000a_\ltrch\fcs0 \cs18\v\f1\fs20\cf15\insrsid10254514\charrsid1931437 MNU[DOC1][DOC2][DOC3]@DOCMSG@DOCMNU}{\rtlch\fcs1 \af0 \ltrch\fcs0 \insrsid10254514\charrsid1931437 ##}{\rtlch\fcs1 \af1 \ltrch\fcs0 \cs18\v\f1\fs20\cf15\insrsid10254514\charrsid1931437 _x000d__x000a_MNU[AMACTYES][NOTAPP]@CHOICE@AMACTMNU}{\rtlch\fcs1 \af0 \ltrch\fcs0 \insrsid10254514\charrsid1931437 #}{\rtlch\fcs1 \af0 \ltrch\fcs0 \cs17\b0\v\fs20\cf9\loch\af1\hich\af1\dbch\af31501\insrsid10254514\charrsid1931437 \hich\af1\dbch\af31501\loch\f1 _x000d__x000a_&lt;/DocAmend&gt;}{\rtlch\fcs1 \af0 \ltrch\fcs0 \insrsid10254514\charrsid1931437 _x000d__x000a_\par }\pard\plain \ltrpar\s20\ql \li0\ri0\keepn\nowidctlpar\wrapdefault\aspalpha\aspnum\faauto\adjustright\rin0\lin0\itap0\pararsid10254514 \rtlch\fcs1 \af0\afs20\alang1025 \ltrch\fcs0 \b\fs24\lang1030\langfe2057\cgrid\langnp1030\langfenp2057 {\rtlch\fcs1 _x000d__x000a_\af0 \ltrch\fcs0 \cs17\b0\v\fs20\cf9\loch\af1\hich\af1\dbch\af31501\insrsid10254514\charrsid1931437 \hich\af1\dbch\af31501\loch\f1 &lt;Article&gt;}{\rtlch\fcs1 \af0 \ltrch\fcs0 \insrsid10254514\charrsid1931437 #}{\rtlch\fcs1 \af1 \ltrch\fcs0 _x000d__x000a_\cs18\v\f1\fs20\cf15\insrsid10254514\charrsid1931437 MNU[AMACTPARTYES][AMACTPARTNO]@CHOICE@AMACTMNU}{\rtlch\fcs1 \af0 \ltrch\fcs0 \insrsid10254514\charrsid1931437 #}{\rtlch\fcs1 \af0 \ltrch\fcs0 _x000d__x000a_\cs17\b0\v\fs20\cf9\loch\af1\hich\af1\dbch\af31501\insrsid10254514\charrsid1931437 \hich\af1\dbch\af31501\loch\f1 &lt;/Article&gt;}{\rtlch\fcs1 \af0 \ltrch\fcs0 \insrsid10254514\charrsid1931437 _x000d__x000a_\par }\pard\plain \ltrpar\ql \li0\ri0\keepn\widctlpar\wrapdefault\aspalpha\aspnum\faauto\adjustright\rin0\lin0\itap0\pararsid10254514 \rtlch\fcs1 \af0\afs20\alang1025 \ltrch\fcs0 \fs24\lang2057\langfe2057\cgrid\langnp2057\langfenp2057 {\rtlch\fcs1 \af0 _x000d__x000a_\ltrch\fcs0 \cs17\v\fs20\cf9\lang1030\langfe2057\loch\af1\hich\af1\dbch\af31501\langnp1030\insrsid10254514\charrsid1931437 \hich\af1\dbch\af31501\loch\f1 &lt;DocAmend2&gt;&lt;OptDel&gt;}{\rtlch\fcs1 \af0 \ltrch\fcs0 _x000d__x000a_\lang1030\langfe2057\langnp1030\insrsid10254514\charrsid1931437 #}{\rtlch\fcs1 \af1 \ltrch\fcs0 \cs18\v\f1\fs20\cf15\lang1030\langfe2057\langnp1030\insrsid10254514\charrsid1931437 MNU[OPTNRACTYES][NOTAPP]@CHOICE@AMACTMNU}{\rtlch\fcs1 \af0 \ltrch\fcs0 _x000d__x000a_\lang1030\langfe2057\langnp1030\insrsid10254514\charrsid1931437 #}{\rtlch\fcs1 \af0 \ltrch\fcs0 \cs17\v\fs20\cf9\lang1030\langfe2057\loch\af1\hich\af1\dbch\af31501\langnp1030\insrsid10254514\charrsid1931437 \hich\af1\dbch\af31501\loch\f1 _x000d__x000a_&lt;/OptDel&gt;&lt;/DocAmend2&gt;}{\rtlch\fcs1 \af0 \ltrch\fcs0 \lang1030\langfe2057\langnp1030\insrsid10254514\charrsid1931437 _x000d__x000a_\par }\pard \ltrpar\ql \li0\ri0\widctlpar\wrapdefault\aspalpha\aspnum\faauto\adjustright\rin0\lin0\itap0\pararsid10254514 {\rtlch\fcs1 \af0 \ltrch\fcs0 _x000d__x000a_\cs17\v\fs20\cf9\lang1030\langfe2057\loch\af1\hich\af1\dbch\af31501\langnp1030\insrsid10254514\charrsid1931437 \hich\af1\dbch\af31501\loch\f1 &lt;Article2&gt;&lt;OptDel&gt;}{\rtlch\fcs1 \af0 \ltrch\fcs0 \lang1030\langfe2057\langnp1030\insrsid10254514\charrsid1931437 _x000d__x000a_#}{\rtlch\fcs1 \af1 \ltrch\fcs0 \cs18\v\f1\fs20\cf15\lang1030\langfe2057\langnp1030\insrsid10254514\charrsid1931437 MNU[OPTACTPARTYES][NOTAPP]@CHOICE@AMACTMNU}{\rtlch\fcs1 \af0 \ltrch\fcs0 \lang1030\langfe2057\langnp1030\insrsid10254514\charrsid1931437 #}_x000d__x000a_{\rtlch\fcs1 \af0 \ltrch\fcs0 \cs17\v\fs20\cf9\lang1030\langfe2057\loch\af1\hich\af1\dbch\af31501\langnp1030\insrsid10254514\charrsid1931437 \hich\af1\dbch\af31501\loch\f1 &lt;/OptDel&gt;&lt;/Article2&gt;}{\rtlch\fcs1 \af0 \ltrch\fcs0 _x000d__x000a_\lang1030\langfe2057\langnp1030\insrsid10254514\charrsid1931437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0\langfe2057\langnp1030\insrsid10254514\charrsid1931437 \cell }\pard\plain \ltrpar_x000d__x000a_\ql \li0\ri0\widctlpar\intbl\wrapdefault\aspalpha\aspnum\faauto\adjustright\rin0\lin0 \rtlch\fcs1 \af0\afs20\alang1025 \ltrch\fcs0 \fs24\lang2057\langfe2057\cgrid\langnp2057\langfenp2057 {\rtlch\fcs1 \af0 \ltrch\fcs0 _x000d__x000a_\lang1030\langfe2057\langnp1030\insrsid10254514\charrsid1931437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1030\langfe2057\cgrid\langnp1030\langfenp2057 {\rtlch\fcs1 \af0 \ltrch\fcs0 _x000d__x000a_\insrsid10254514\charrsid1931437 #}{\rtlch\fcs1 \af1 \ltrch\fcs0 \cs18\v\f1\fs20\cf15\insrsid10254514\charrsid1931437 MNU[OPTLEFTAMACT][LEFTPROP]@CHOICE@AMACTMNU}{\rtlch\fcs1 \af0 \ltrch\fcs0 \insrsid10254514\charrsid1931437 #\cell \'c6ndringsforslag_x000d__x000a_\cell }\pard\plain \ltrpar\ql \li0\ri0\widctlpar\intbl\wrapdefault\aspalpha\aspnum\faauto\adjustright\rin0\lin0 \rtlch\fcs1 \af0\afs20\alang1025 \ltrch\fcs0 \fs24\lang2057\langfe2057\cgrid\langnp2057\langfenp2057 {\rtlch\fcs1 \af0 \ltrch\fcs0 _x000d__x000a_\lang1030\langfe2057\langnp1030\insrsid10254514\charrsid1931437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2517430 \rtlch\fcs1 \af0\afs20\alang1025 \ltrch\fcs0 \fs24\lang1030\langfe2057\cgrid\langnp1030\langfenp2057 {\rtlch\fcs1 \af0 \ltrch\fcs0 _x000d__x000a_\insrsid10254514\charrsid1931437 ##\cell ##}{\rtlch\fcs1 \af0\afs24 \ltrch\fcs0 \insrsid10254514\charrsid1931437 \cell }\pard\plain \ltrpar\ql \li0\ri0\widctlpar\intbl\wrapdefault\aspalpha\aspnum\faauto\adjustright\rin0\lin0 \rtlch\fcs1 _x000d__x000a_\af0\afs20\alang1025 \ltrch\fcs0 \fs24\lang2057\langfe2057\cgrid\langnp2057\langfenp2057 {\rtlch\fcs1 \af0 \ltrch\fcs0 \lang1030\langfe2057\langnp1030\insrsid10254514\charrsid1931437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254514 \rtlch\fcs1 \af0\afs20\alang1025 \ltrch\fcs0 \fs24\lang1030\langfe2057\cgrid\langnp1030\langfenp2057 {\rtlch\fcs1 \af0 \ltrch\fcs0 _x000d__x000a_\insrsid10254514\charrsid1931437 Or. }{\rtlch\fcs1 \af0 \ltrch\fcs0 \cs17\v\fs20\cf9\loch\af1\hich\af1\dbch\af31501\insrsid10254514\charrsid1931437 \hich\af1\dbch\af31501\loch\f1 &lt;Original&gt;}{\rtlch\fcs1 \af0 \ltrch\fcs0 \insrsid10254514\charrsid1931437 #}_x000d__x000a_{\rtlch\fcs1 \af1 \ltrch\fcs0 \cs18\v\f1\fs20\cf15\insrsid10254514\charrsid1931437 MNU[ORLANGONE][ORLANGMORE]@CHOICE@ORLANGMNU}{\rtlch\fcs1 \af0 \ltrch\fcs0 \insrsid10254514\charrsid1931437 #}{\rtlch\fcs1 \af0 \ltrch\fcs0 _x000d__x000a_\cs17\v\fs20\cf9\loch\af1\hich\af1\dbch\af31501\insrsid10254514\charrsid1931437 \hich\af1\dbch\af31501\loch\f1 &lt;/Original&gt;}{\rtlch\fcs1 \af0 \ltrch\fcs0 \insrsid10254514\charrsid1931437 _x000d__x000a_\par }\pard\plain \ltrpar\s22\qc \li0\ri0\sb240\sa240\nowidctlpar\wrapdefault\aspalpha\aspnum\faauto\adjustright\rin0\lin0\itap0\pararsid10254514 \rtlch\fcs1 \af0\afs20\alang1025 \ltrch\fcs0 \i\fs24\lang1030\langfe2057\cgrid\langnp1030\langfenp2057 {_x000d__x000a_\rtlch\fcs1 \af0 \ltrch\fcs0 \cs17\i0\v\fs20\cf9\loch\af1\hich\af1\dbch\af31501\insrsid10254514\charrsid1931437 \hich\af1\dbch\af31501\loch\f1 &lt;OptDel&gt;}{\rtlch\fcs1 \af0 \ltrch\fcs0 \insrsid10254514\charrsid1931437 #}{\rtlch\fcs1 \af1 \ltrch\fcs0 _x000d__x000a_\cs18\v\f1\fs20\cf15\insrsid10254514\charrsid1931437 MNU[CROSSREFNO][CROSSREFYES]@CHOICE@}{\rtlch\fcs1 \af0 \ltrch\fcs0 \insrsid10254514\charrsid1931437 #}{\rtlch\fcs1 \af0 \ltrch\fcs0 _x000d__x000a_\cs17\i0\v\fs20\cf9\loch\af1\hich\af1\dbch\af31501\insrsid10254514\charrsid1931437 \hich\af1\dbch\af31501\loch\f1 &lt;/OptDel&gt;}{\rtlch\fcs1 \af0 \ltrch\fcs0 \insrsid10254514\charrsid1931437 _x000d__x000a_\par }\pard\plain \ltrpar\s23\qc \li0\ri0\sb240\sa240\keepn\nowidctlpar\wrapdefault\aspalpha\aspnum\faauto\adjustright\rin0\lin0\itap0\pararsid10254514 \rtlch\fcs1 \af0\afs20\alang1025 \ltrch\fcs0 \i\fs24\lang1030\langfe2057\cgrid\langnp1030\langfenp2057 {_x000d__x000a_\rtlch\fcs1 \af0 \ltrch\fcs0 \cs17\i0\v\fs20\cf9\loch\af1\hich\af1\dbch\af31501\insrsid10254514\charrsid1931437 \hich\af1\dbch\af31501\loch\f1 &lt;TitreJust&gt;}{\rtlch\fcs1 \af0 \ltrch\fcs0 \insrsid10254514\charrsid1931437 Begrundelse}{\rtlch\fcs1 \af0 _x000d__x000a_\ltrch\fcs0 \cs17\i0\v\fs20\cf9\loch\af1\hich\af1\dbch\af31501\insrsid10254514\charrsid1931437 \hich\af1\dbch\af31501\loch\f1 &lt;/TitreJust&gt;}{\rtlch\fcs1 \af0 \ltrch\fcs0 \insrsid10254514\charrsid1931437 _x000d__x000a_\par }\pard\plain \ltrpar\s21\ql \li0\ri0\sa240\nowidctlpar\wrapdefault\aspalpha\aspnum\faauto\adjustright\rin0\lin0\itap0\pararsid10254514 \rtlch\fcs1 \af0\afs20\alang1025 \ltrch\fcs0 \i\fs24\lang1030\langfe2057\cgrid\langnp1030\langfenp2057 {\rtlch\fcs1 _x000d__x000a_\af0 \ltrch\fcs0 \cs17\i0\v\fs20\cf9\loch\af1\hich\af1\dbch\af31501\insrsid10254514\charrsid1931437 \hich\af1\dbch\af31501\loch\f1 &lt;OptDelPrev&gt;}{\rtlch\fcs1 \af0 \ltrch\fcs0 \insrsid10254514\charrsid1931437 #}{\rtlch\fcs1 \af1 \ltrch\fcs0 _x000d__x000a_\cs18\v\f1\fs20\cf15\insrsid10254514\charrsid1931437 MNU[TEXTJUSTYES][TEXTJUSTNO]@CHOICE@}{\rtlch\fcs1 \af0 \ltrch\fcs0 \insrsid10254514\charrsid1931437 #}{\rtlch\fcs1 \af0 \ltrch\fcs0 _x000d__x000a_\cs17\i0\v\fs20\cf9\loch\af1\hich\af1\dbch\af31501\insrsid10254514\charrsid1931437 \hich\af1\dbch\af31501\loch\f1 &lt;/OptDelPrev&gt;}{\rtlch\fcs1 \af0 \ltrch\fcs0 \insrsid10254514\charrsid1931437 _x000d__x000a_\par }\pard\plain \ltrpar\ql \li0\ri0\widctlpar\wrapdefault\aspalpha\aspnum\faauto\adjustright\rin0\lin0\itap0\pararsid10254514 \rtlch\fcs1 \af0\afs20\alang1025 \ltrch\fcs0 \fs24\lang2057\langfe2057\cgrid\langnp2057\langfenp2057 {\rtlch\fcs1 \af0 \ltrch\fcs0 _x000d__x000a_\cs17\v\fs20\cf9\lang1030\langfe2057\loch\af1\hich\af1\dbch\af31501\langnp1030\insrsid10254514\charrsid1931437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3_x000d__x000a_e801fd8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92"/>
    <w:docVar w:name="TXTAUTHOR" w:val=" Jeroen Lenaers "/>
    <w:docVar w:name="TXTLANGUE" w:val="DA"/>
    <w:docVar w:name="TXTLANGUEMIN" w:val="da"/>
    <w:docVar w:name="TXTNRC" w:val="0025/2019"/>
    <w:docVar w:name="TXTNRCOD" w:val="2019/0001"/>
    <w:docVar w:name="TXTNRCOM" w:val="(2019)0003"/>
    <w:docVar w:name="TXTNRPE" w:val="643.218"/>
    <w:docVar w:name="TXTPEorAP" w:val="PE"/>
    <w:docVar w:name="TXTROUTE" w:val="PR\1192698DA.docx"/>
    <w:docVar w:name="TXTTITLE" w:val="fastlæggelse af betingelserne for at tilgå andre EU-informationssystemer og om ændring af forordning (EU) 2018/1862 og forordning"/>
    <w:docVar w:name="TXTVERSION" w:val="01-00"/>
  </w:docVars>
  <w:rsids>
    <w:rsidRoot w:val="001D78AD"/>
    <w:rsid w:val="00011AAB"/>
    <w:rsid w:val="00012351"/>
    <w:rsid w:val="000139E5"/>
    <w:rsid w:val="00084DD2"/>
    <w:rsid w:val="00084E89"/>
    <w:rsid w:val="000B7489"/>
    <w:rsid w:val="000F1096"/>
    <w:rsid w:val="00115BE6"/>
    <w:rsid w:val="00120948"/>
    <w:rsid w:val="00123DD5"/>
    <w:rsid w:val="001277AE"/>
    <w:rsid w:val="00142215"/>
    <w:rsid w:val="001767E2"/>
    <w:rsid w:val="00186918"/>
    <w:rsid w:val="00187008"/>
    <w:rsid w:val="001B3829"/>
    <w:rsid w:val="001C09F6"/>
    <w:rsid w:val="001C5592"/>
    <w:rsid w:val="001C5B44"/>
    <w:rsid w:val="001C6FFC"/>
    <w:rsid w:val="001D78AD"/>
    <w:rsid w:val="001F7C7C"/>
    <w:rsid w:val="00212B84"/>
    <w:rsid w:val="00226A86"/>
    <w:rsid w:val="002346B0"/>
    <w:rsid w:val="002667C3"/>
    <w:rsid w:val="002669B6"/>
    <w:rsid w:val="00290BED"/>
    <w:rsid w:val="002A5259"/>
    <w:rsid w:val="002C3D32"/>
    <w:rsid w:val="002D13EE"/>
    <w:rsid w:val="002E33EE"/>
    <w:rsid w:val="002F40BB"/>
    <w:rsid w:val="002F4B02"/>
    <w:rsid w:val="0031005B"/>
    <w:rsid w:val="00323EF8"/>
    <w:rsid w:val="003316DD"/>
    <w:rsid w:val="00366A46"/>
    <w:rsid w:val="00370AC3"/>
    <w:rsid w:val="003824EE"/>
    <w:rsid w:val="003B4689"/>
    <w:rsid w:val="003C1E67"/>
    <w:rsid w:val="003C2068"/>
    <w:rsid w:val="003C37CF"/>
    <w:rsid w:val="004100B1"/>
    <w:rsid w:val="00426E47"/>
    <w:rsid w:val="00455743"/>
    <w:rsid w:val="00461601"/>
    <w:rsid w:val="00491E52"/>
    <w:rsid w:val="004C0726"/>
    <w:rsid w:val="004C0915"/>
    <w:rsid w:val="004D424E"/>
    <w:rsid w:val="004E42C8"/>
    <w:rsid w:val="004E733D"/>
    <w:rsid w:val="004F3FA5"/>
    <w:rsid w:val="0051271F"/>
    <w:rsid w:val="00515675"/>
    <w:rsid w:val="00521F46"/>
    <w:rsid w:val="00551111"/>
    <w:rsid w:val="00551123"/>
    <w:rsid w:val="00570A6A"/>
    <w:rsid w:val="00586E50"/>
    <w:rsid w:val="0059583D"/>
    <w:rsid w:val="005A42D9"/>
    <w:rsid w:val="005C2BEF"/>
    <w:rsid w:val="005D1A99"/>
    <w:rsid w:val="005D7609"/>
    <w:rsid w:val="005D7EE8"/>
    <w:rsid w:val="005F526D"/>
    <w:rsid w:val="00611745"/>
    <w:rsid w:val="00642325"/>
    <w:rsid w:val="006743F5"/>
    <w:rsid w:val="0069092A"/>
    <w:rsid w:val="006A2F5D"/>
    <w:rsid w:val="006F7907"/>
    <w:rsid w:val="00701298"/>
    <w:rsid w:val="00743189"/>
    <w:rsid w:val="00743D33"/>
    <w:rsid w:val="007530A8"/>
    <w:rsid w:val="007932B3"/>
    <w:rsid w:val="00793EA9"/>
    <w:rsid w:val="007D6F68"/>
    <w:rsid w:val="00823E6B"/>
    <w:rsid w:val="00826780"/>
    <w:rsid w:val="00837CCD"/>
    <w:rsid w:val="008633CC"/>
    <w:rsid w:val="00865190"/>
    <w:rsid w:val="008719B9"/>
    <w:rsid w:val="00894923"/>
    <w:rsid w:val="00894ECE"/>
    <w:rsid w:val="00896BB4"/>
    <w:rsid w:val="008A7FB8"/>
    <w:rsid w:val="009022B8"/>
    <w:rsid w:val="00914537"/>
    <w:rsid w:val="00917CC4"/>
    <w:rsid w:val="009763DA"/>
    <w:rsid w:val="009975B3"/>
    <w:rsid w:val="009A216D"/>
    <w:rsid w:val="009B4B93"/>
    <w:rsid w:val="009F24BE"/>
    <w:rsid w:val="009F6C2F"/>
    <w:rsid w:val="009F745B"/>
    <w:rsid w:val="009F767A"/>
    <w:rsid w:val="00A22533"/>
    <w:rsid w:val="00A26F46"/>
    <w:rsid w:val="00A34FD3"/>
    <w:rsid w:val="00A36929"/>
    <w:rsid w:val="00A405EB"/>
    <w:rsid w:val="00A50548"/>
    <w:rsid w:val="00A60EE7"/>
    <w:rsid w:val="00A910C9"/>
    <w:rsid w:val="00AA35B0"/>
    <w:rsid w:val="00AD18C8"/>
    <w:rsid w:val="00AD7FA6"/>
    <w:rsid w:val="00AE4643"/>
    <w:rsid w:val="00AF0416"/>
    <w:rsid w:val="00B10CB4"/>
    <w:rsid w:val="00B13D6F"/>
    <w:rsid w:val="00B23B72"/>
    <w:rsid w:val="00B42702"/>
    <w:rsid w:val="00B57B8B"/>
    <w:rsid w:val="00B85407"/>
    <w:rsid w:val="00B95702"/>
    <w:rsid w:val="00BC6489"/>
    <w:rsid w:val="00BD480C"/>
    <w:rsid w:val="00C20954"/>
    <w:rsid w:val="00C23324"/>
    <w:rsid w:val="00C36C9E"/>
    <w:rsid w:val="00C42A41"/>
    <w:rsid w:val="00C47E74"/>
    <w:rsid w:val="00C57A72"/>
    <w:rsid w:val="00C73602"/>
    <w:rsid w:val="00C85D0F"/>
    <w:rsid w:val="00CF60C8"/>
    <w:rsid w:val="00D30DE2"/>
    <w:rsid w:val="00D32924"/>
    <w:rsid w:val="00D503A3"/>
    <w:rsid w:val="00DA6ED0"/>
    <w:rsid w:val="00DC5011"/>
    <w:rsid w:val="00E171B6"/>
    <w:rsid w:val="00E72695"/>
    <w:rsid w:val="00E96C7A"/>
    <w:rsid w:val="00EB1753"/>
    <w:rsid w:val="00EB6CFF"/>
    <w:rsid w:val="00EE3996"/>
    <w:rsid w:val="00F07062"/>
    <w:rsid w:val="00F23CFC"/>
    <w:rsid w:val="00F433E2"/>
    <w:rsid w:val="00F904AE"/>
    <w:rsid w:val="00F934F8"/>
    <w:rsid w:val="00FB52FE"/>
    <w:rsid w:val="00FC0A34"/>
    <w:rsid w:val="00FC1640"/>
    <w:rsid w:val="00FD1DEF"/>
    <w:rsid w:val="00FE3B3F"/>
    <w:rsid w:val="00FE5DF6"/>
    <w:rsid w:val="00FF1EB5"/>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AB3D828"/>
  <w15:chartTrackingRefBased/>
  <w15:docId w15:val="{EAB636BA-657F-4775-87F8-52F995FCB8C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uiPriority="20"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186918"/>
    <w:pPr>
      <w:tabs>
        <w:tab w:val="right" w:pos="454"/>
        <w:tab w:val="left" w:pos="737"/>
      </w:tabs>
      <w:ind w:left="737" w:hanging="737"/>
    </w:pPr>
    <w:rPr>
      <w:snapToGrid w:val="0"/>
      <w:sz w:val="18"/>
      <w:lang w:eastAsia="en-US"/>
    </w:rPr>
  </w:style>
  <w:style w:type="paragraph" w:customStyle="1" w:styleId="Lgendetitre">
    <w:name w:val="Légende titre"/>
    <w:basedOn w:val="Normal"/>
    <w:rsid w:val="00186918"/>
    <w:pPr>
      <w:spacing w:before="240" w:after="240"/>
    </w:pPr>
    <w:rPr>
      <w:b/>
      <w:i/>
      <w:snapToGrid w:val="0"/>
      <w:lang w:eastAsia="en-US"/>
    </w:rPr>
  </w:style>
  <w:style w:type="paragraph" w:customStyle="1" w:styleId="Lgendestandard">
    <w:name w:val="Légende standard"/>
    <w:basedOn w:val="Normal"/>
    <w:rsid w:val="00186918"/>
    <w:rPr>
      <w:sz w:val="18"/>
    </w:rPr>
  </w:style>
  <w:style w:type="character" w:styleId="FootnoteReference">
    <w:name w:val="footnote reference"/>
    <w:basedOn w:val="DefaultParagraphFont"/>
    <w:uiPriority w:val="99"/>
    <w:unhideWhenUsed/>
    <w:rsid w:val="003C1E67"/>
    <w:rPr>
      <w:shd w:val="clear" w:color="auto" w:fill="auto"/>
      <w:vertAlign w:val="superscript"/>
    </w:rPr>
  </w:style>
  <w:style w:type="paragraph" w:styleId="FootnoteText">
    <w:name w:val="footnote text"/>
    <w:basedOn w:val="Normal"/>
    <w:link w:val="FootnoteTextChar"/>
    <w:uiPriority w:val="99"/>
    <w:unhideWhenUsed/>
    <w:rsid w:val="003C1E67"/>
    <w:pPr>
      <w:widowControl/>
      <w:ind w:left="720" w:hanging="720"/>
      <w:jc w:val="both"/>
    </w:pPr>
    <w:rPr>
      <w:rFonts w:eastAsiaTheme="minorHAnsi"/>
      <w:sz w:val="20"/>
      <w:lang w:eastAsia="en-US"/>
    </w:rPr>
  </w:style>
  <w:style w:type="character" w:customStyle="1" w:styleId="FootnoteTextChar">
    <w:name w:val="Footnote Text Char"/>
    <w:basedOn w:val="DefaultParagraphFont"/>
    <w:link w:val="FootnoteText"/>
    <w:uiPriority w:val="99"/>
    <w:rsid w:val="003C1E67"/>
    <w:rPr>
      <w:rFonts w:eastAsiaTheme="minorHAnsi"/>
      <w:lang w:eastAsia="en-US"/>
    </w:rPr>
  </w:style>
  <w:style w:type="paragraph" w:styleId="CommentText">
    <w:name w:val="annotation text"/>
    <w:basedOn w:val="Normal"/>
    <w:link w:val="CommentTextChar"/>
    <w:uiPriority w:val="99"/>
    <w:unhideWhenUsed/>
    <w:rsid w:val="003C1E67"/>
    <w:pPr>
      <w:widowControl/>
      <w:spacing w:after="200"/>
    </w:pPr>
    <w:rPr>
      <w:rFonts w:asciiTheme="minorHAnsi" w:eastAsiaTheme="minorHAnsi" w:hAnsiTheme="minorHAnsi" w:cstheme="minorBidi"/>
      <w:sz w:val="20"/>
      <w:lang w:eastAsia="en-US"/>
    </w:rPr>
  </w:style>
  <w:style w:type="character" w:customStyle="1" w:styleId="CommentTextChar">
    <w:name w:val="Comment Text Char"/>
    <w:basedOn w:val="DefaultParagraphFont"/>
    <w:link w:val="CommentText"/>
    <w:uiPriority w:val="99"/>
    <w:rsid w:val="003C1E67"/>
    <w:rPr>
      <w:rFonts w:asciiTheme="minorHAnsi" w:eastAsiaTheme="minorHAnsi" w:hAnsiTheme="minorHAnsi" w:cstheme="minorBidi"/>
      <w:lang w:eastAsia="en-US"/>
    </w:rPr>
  </w:style>
  <w:style w:type="paragraph" w:customStyle="1" w:styleId="Point0number">
    <w:name w:val="Point 0 (number)"/>
    <w:basedOn w:val="Normal"/>
    <w:rsid w:val="003C1E67"/>
    <w:pPr>
      <w:widowControl/>
      <w:numPr>
        <w:numId w:val="41"/>
      </w:numPr>
      <w:spacing w:before="120" w:after="120"/>
      <w:jc w:val="both"/>
    </w:pPr>
    <w:rPr>
      <w:rFonts w:eastAsiaTheme="minorHAnsi"/>
      <w:szCs w:val="22"/>
      <w:lang w:eastAsia="en-US"/>
    </w:rPr>
  </w:style>
  <w:style w:type="paragraph" w:customStyle="1" w:styleId="Point1number">
    <w:name w:val="Point 1 (number)"/>
    <w:basedOn w:val="Normal"/>
    <w:rsid w:val="003C1E67"/>
    <w:pPr>
      <w:widowControl/>
      <w:numPr>
        <w:ilvl w:val="2"/>
        <w:numId w:val="41"/>
      </w:numPr>
      <w:spacing w:before="120" w:after="120"/>
      <w:jc w:val="both"/>
    </w:pPr>
    <w:rPr>
      <w:rFonts w:eastAsiaTheme="minorHAnsi"/>
      <w:szCs w:val="22"/>
      <w:lang w:eastAsia="en-US"/>
    </w:rPr>
  </w:style>
  <w:style w:type="paragraph" w:customStyle="1" w:styleId="Point2number">
    <w:name w:val="Point 2 (number)"/>
    <w:basedOn w:val="Normal"/>
    <w:rsid w:val="003C1E67"/>
    <w:pPr>
      <w:widowControl/>
      <w:numPr>
        <w:ilvl w:val="4"/>
        <w:numId w:val="41"/>
      </w:numPr>
      <w:spacing w:before="120" w:after="120"/>
      <w:jc w:val="both"/>
    </w:pPr>
    <w:rPr>
      <w:rFonts w:eastAsiaTheme="minorHAnsi"/>
      <w:szCs w:val="22"/>
      <w:lang w:eastAsia="en-US"/>
    </w:rPr>
  </w:style>
  <w:style w:type="paragraph" w:customStyle="1" w:styleId="Point3number">
    <w:name w:val="Point 3 (number)"/>
    <w:basedOn w:val="Normal"/>
    <w:rsid w:val="003C1E67"/>
    <w:pPr>
      <w:widowControl/>
      <w:numPr>
        <w:ilvl w:val="6"/>
        <w:numId w:val="41"/>
      </w:numPr>
      <w:spacing w:before="120" w:after="120"/>
      <w:jc w:val="both"/>
    </w:pPr>
    <w:rPr>
      <w:rFonts w:eastAsiaTheme="minorHAnsi"/>
      <w:szCs w:val="22"/>
      <w:lang w:eastAsia="en-US"/>
    </w:rPr>
  </w:style>
  <w:style w:type="paragraph" w:customStyle="1" w:styleId="Point0letter">
    <w:name w:val="Point 0 (letter)"/>
    <w:basedOn w:val="Normal"/>
    <w:rsid w:val="003C1E67"/>
    <w:pPr>
      <w:widowControl/>
      <w:numPr>
        <w:ilvl w:val="1"/>
        <w:numId w:val="41"/>
      </w:numPr>
      <w:spacing w:before="120" w:after="120"/>
      <w:jc w:val="both"/>
    </w:pPr>
    <w:rPr>
      <w:rFonts w:eastAsiaTheme="minorHAnsi"/>
      <w:szCs w:val="22"/>
      <w:lang w:eastAsia="en-US"/>
    </w:rPr>
  </w:style>
  <w:style w:type="paragraph" w:customStyle="1" w:styleId="Point1letter">
    <w:name w:val="Point 1 (letter)"/>
    <w:basedOn w:val="Normal"/>
    <w:rsid w:val="003C1E67"/>
    <w:pPr>
      <w:widowControl/>
      <w:numPr>
        <w:ilvl w:val="3"/>
        <w:numId w:val="41"/>
      </w:numPr>
      <w:spacing w:before="120" w:after="120"/>
      <w:jc w:val="both"/>
    </w:pPr>
    <w:rPr>
      <w:rFonts w:eastAsiaTheme="minorHAnsi"/>
      <w:szCs w:val="22"/>
      <w:lang w:eastAsia="en-US"/>
    </w:rPr>
  </w:style>
  <w:style w:type="paragraph" w:customStyle="1" w:styleId="Point2letter">
    <w:name w:val="Point 2 (letter)"/>
    <w:basedOn w:val="Normal"/>
    <w:rsid w:val="003C1E67"/>
    <w:pPr>
      <w:widowControl/>
      <w:numPr>
        <w:ilvl w:val="5"/>
        <w:numId w:val="41"/>
      </w:numPr>
      <w:spacing w:before="120" w:after="120"/>
      <w:jc w:val="both"/>
    </w:pPr>
    <w:rPr>
      <w:rFonts w:eastAsiaTheme="minorHAnsi"/>
      <w:szCs w:val="22"/>
      <w:lang w:eastAsia="en-US"/>
    </w:rPr>
  </w:style>
  <w:style w:type="paragraph" w:customStyle="1" w:styleId="Point3letter">
    <w:name w:val="Point 3 (letter)"/>
    <w:basedOn w:val="Normal"/>
    <w:rsid w:val="003C1E67"/>
    <w:pPr>
      <w:widowControl/>
      <w:numPr>
        <w:ilvl w:val="7"/>
        <w:numId w:val="41"/>
      </w:numPr>
      <w:spacing w:before="120" w:after="120"/>
      <w:jc w:val="both"/>
    </w:pPr>
    <w:rPr>
      <w:rFonts w:eastAsiaTheme="minorHAnsi"/>
      <w:szCs w:val="22"/>
      <w:lang w:eastAsia="en-US"/>
    </w:rPr>
  </w:style>
  <w:style w:type="paragraph" w:customStyle="1" w:styleId="Point4letter">
    <w:name w:val="Point 4 (letter)"/>
    <w:basedOn w:val="Normal"/>
    <w:rsid w:val="003C1E67"/>
    <w:pPr>
      <w:widowControl/>
      <w:numPr>
        <w:ilvl w:val="8"/>
        <w:numId w:val="41"/>
      </w:numPr>
      <w:spacing w:before="120" w:after="120"/>
      <w:jc w:val="both"/>
    </w:pPr>
    <w:rPr>
      <w:rFonts w:eastAsiaTheme="minorHAnsi"/>
      <w:szCs w:val="22"/>
      <w:lang w:eastAsia="en-US"/>
    </w:rPr>
  </w:style>
  <w:style w:type="paragraph" w:styleId="Footer">
    <w:name w:val="footer"/>
    <w:basedOn w:val="Normal"/>
    <w:link w:val="FooterChar"/>
    <w:semiHidden/>
    <w:rsid w:val="003C1E67"/>
    <w:pPr>
      <w:tabs>
        <w:tab w:val="center" w:pos="4513"/>
        <w:tab w:val="right" w:pos="9026"/>
      </w:tabs>
    </w:pPr>
  </w:style>
  <w:style w:type="character" w:customStyle="1" w:styleId="FooterChar">
    <w:name w:val="Footer Char"/>
    <w:basedOn w:val="DefaultParagraphFont"/>
    <w:link w:val="Footer"/>
    <w:semiHidden/>
    <w:rsid w:val="003C1E67"/>
    <w:rPr>
      <w:sz w:val="24"/>
    </w:rPr>
  </w:style>
  <w:style w:type="paragraph" w:styleId="BalloonText">
    <w:name w:val="Balloon Text"/>
    <w:basedOn w:val="Normal"/>
    <w:link w:val="BalloonTextChar"/>
    <w:semiHidden/>
    <w:unhideWhenUsed/>
    <w:rsid w:val="003C1E67"/>
    <w:rPr>
      <w:rFonts w:ascii="Segoe UI" w:hAnsi="Segoe UI" w:cs="Segoe UI"/>
      <w:sz w:val="18"/>
      <w:szCs w:val="18"/>
    </w:rPr>
  </w:style>
  <w:style w:type="character" w:customStyle="1" w:styleId="BalloonTextChar">
    <w:name w:val="Balloon Text Char"/>
    <w:basedOn w:val="DefaultParagraphFont"/>
    <w:link w:val="BalloonText"/>
    <w:semiHidden/>
    <w:rsid w:val="003C1E67"/>
    <w:rPr>
      <w:rFonts w:ascii="Segoe UI" w:hAnsi="Segoe UI" w:cs="Segoe UI"/>
      <w:sz w:val="18"/>
      <w:szCs w:val="18"/>
    </w:rPr>
  </w:style>
  <w:style w:type="character" w:styleId="CommentReference">
    <w:name w:val="annotation reference"/>
    <w:basedOn w:val="DefaultParagraphFont"/>
    <w:rsid w:val="003C1E67"/>
    <w:rPr>
      <w:sz w:val="16"/>
      <w:szCs w:val="16"/>
    </w:rPr>
  </w:style>
  <w:style w:type="paragraph" w:styleId="CommentSubject">
    <w:name w:val="annotation subject"/>
    <w:basedOn w:val="CommentText"/>
    <w:next w:val="CommentText"/>
    <w:link w:val="CommentSubjectChar"/>
    <w:semiHidden/>
    <w:unhideWhenUsed/>
    <w:rsid w:val="003C1E67"/>
    <w:pPr>
      <w:widowControl w:val="0"/>
      <w:spacing w:after="0"/>
    </w:pPr>
    <w:rPr>
      <w:rFonts w:ascii="Times New Roman" w:eastAsia="Times New Roman" w:hAnsi="Times New Roman" w:cs="Times New Roman"/>
      <w:b/>
      <w:bCs/>
      <w:lang w:eastAsia="en-GB"/>
    </w:rPr>
  </w:style>
  <w:style w:type="character" w:customStyle="1" w:styleId="CommentSubjectChar">
    <w:name w:val="Comment Subject Char"/>
    <w:basedOn w:val="CommentTextChar"/>
    <w:link w:val="CommentSubject"/>
    <w:semiHidden/>
    <w:rsid w:val="003C1E67"/>
    <w:rPr>
      <w:rFonts w:asciiTheme="minorHAnsi" w:eastAsiaTheme="minorHAnsi" w:hAnsiTheme="minorHAnsi" w:cstheme="minorBidi"/>
      <w:b/>
      <w:bCs/>
      <w:lang w:eastAsia="en-US"/>
    </w:rPr>
  </w:style>
  <w:style w:type="paragraph" w:styleId="Revision">
    <w:name w:val="Revision"/>
    <w:hidden/>
    <w:uiPriority w:val="99"/>
    <w:semiHidden/>
    <w:rsid w:val="003C1E67"/>
    <w:rPr>
      <w:sz w:val="24"/>
    </w:rPr>
  </w:style>
  <w:style w:type="character" w:styleId="Emphasis">
    <w:name w:val="Emphasis"/>
    <w:basedOn w:val="DefaultParagraphFont"/>
    <w:uiPriority w:val="20"/>
    <w:qFormat/>
    <w:rsid w:val="003C1E67"/>
    <w:rPr>
      <w:i/>
      <w:i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eader" Target="header4.xml"/><Relationship Id="rId10" Type="http://schemas.openxmlformats.org/officeDocument/2006/relationships/header" Target="header2.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B85A157-7A24-4C91-BC5A-BA47DB6B028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7002</Words>
  <Characters>43137</Characters>
  <Application>Microsoft Office Word</Application>
  <DocSecurity>0</DocSecurity>
  <Lines>1597</Lines>
  <Paragraphs>642</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494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ZINOCKER Marianne</dc:creator>
  <cp:lastModifiedBy>HEINSOEE Katja</cp:lastModifiedBy>
  <cp:revision>2</cp:revision>
  <cp:lastPrinted>2004-11-04T09:41:00Z</cp:lastPrinted>
  <dcterms:created xsi:type="dcterms:W3CDTF">2020-09-16T11:10:00Z</dcterms:created>
  <dcterms:modified xsi:type="dcterms:W3CDTF">2020-09-16T11: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A</vt:lpwstr>
  </property>
  <property fmtid="{D5CDD505-2E9C-101B-9397-08002B2CF9AE}" pid="3" name="&lt;FdR&gt;">
    <vt:lpwstr>1192698</vt:lpwstr>
  </property>
  <property fmtid="{D5CDD505-2E9C-101B-9397-08002B2CF9AE}" pid="4" name="&lt;Model&gt;">
    <vt:lpwstr>PR_COD_1amCom</vt:lpwstr>
  </property>
  <property fmtid="{D5CDD505-2E9C-101B-9397-08002B2CF9AE}" pid="5" name="&lt;ModelCod&gt;">
    <vt:lpwstr>\\eiciLUXpr1\pdocep$\DocEP\DOCS\General\PR\PR_Leg\COD\COD_1st\PR_COD_1amCom.dotx(17/04/2020 19:27:09)</vt:lpwstr>
  </property>
  <property fmtid="{D5CDD505-2E9C-101B-9397-08002B2CF9AE}" pid="6" name="&lt;ModelTra&gt;">
    <vt:lpwstr>\\eiciLUXpr1\pdocep$\DocEP\TRANSFIL\DA\PR_COD_1amCom.DA(11/10/2019 10:27:34)</vt:lpwstr>
  </property>
  <property fmtid="{D5CDD505-2E9C-101B-9397-08002B2CF9AE}" pid="7" name="&lt;Type&gt;">
    <vt:lpwstr>PR</vt:lpwstr>
  </property>
  <property fmtid="{D5CDD505-2E9C-101B-9397-08002B2CF9AE}" pid="8" name="Created with">
    <vt:lpwstr>9.9.1 Build [20200705]</vt:lpwstr>
  </property>
  <property fmtid="{D5CDD505-2E9C-101B-9397-08002B2CF9AE}" pid="9" name="FooterPath">
    <vt:lpwstr>PR\1192698DA.docx</vt:lpwstr>
  </property>
  <property fmtid="{D5CDD505-2E9C-101B-9397-08002B2CF9AE}" pid="10" name="LastEdited with">
    <vt:lpwstr>9.9.1 Build [20200705]</vt:lpwstr>
  </property>
  <property fmtid="{D5CDD505-2E9C-101B-9397-08002B2CF9AE}" pid="11" name="PE number">
    <vt:lpwstr>643.218</vt:lpwstr>
  </property>
  <property fmtid="{D5CDD505-2E9C-101B-9397-08002B2CF9AE}" pid="12" name="SDLStudio">
    <vt:lpwstr/>
  </property>
  <property fmtid="{D5CDD505-2E9C-101B-9397-08002B2CF9AE}" pid="13" name="SubscribeElise">
    <vt:lpwstr/>
  </property>
  <property fmtid="{D5CDD505-2E9C-101B-9397-08002B2CF9AE}" pid="14" name="Bookout">
    <vt:lpwstr>OK - 2020/09/16 13:10</vt:lpwstr>
  </property>
</Properties>
</file>